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defaultThemeVersion="166925"/>
  <mc:AlternateContent xmlns:mc="http://schemas.openxmlformats.org/markup-compatibility/2006">
    <mc:Choice Requires="x15">
      <x15ac:absPath xmlns:x15ac="http://schemas.microsoft.com/office/spreadsheetml/2010/11/ac" url="https://scotiabank-my.sharepoint.com/personal/rebeca_mora_scotiabank_com/Documents/Desktop/borrar/"/>
    </mc:Choice>
  </mc:AlternateContent>
  <xr:revisionPtr revIDLastSave="1" documentId="8_{4AFD2A8C-AA08-46DA-9911-31A1232AC11A}" xr6:coauthVersionLast="47" xr6:coauthVersionMax="47" xr10:uidLastSave="{D9104627-3E14-4A35-8268-B3AC304E61E5}"/>
  <bookViews>
    <workbookView xWindow="-20610" yWindow="-3780" windowWidth="20730" windowHeight="11160" xr2:uid="{D3E31B74-CA23-488A-A728-FE70E69FED5E}"/>
  </bookViews>
  <sheets>
    <sheet name="Inclusion-Sustitucion" sheetId="1" r:id="rId1"/>
  </sheets>
  <externalReferences>
    <externalReference r:id="rId2"/>
    <externalReference r:id="rId3"/>
    <externalReference r:id="rId4"/>
    <externalReference r:id="rId5"/>
    <externalReference r:id="rId6"/>
    <externalReference r:id="rId7"/>
  </externalReferences>
  <definedNames>
    <definedName name="ACCOUNTYPE">[1]Autopr!#REF!</definedName>
    <definedName name="AGENCIA">[1]Autopr!#REF!</definedName>
    <definedName name="aracelly">#REF!</definedName>
    <definedName name="ARACELLY_CARVAJAL">#REF!</definedName>
    <definedName name="asociadas">#REF!</definedName>
    <definedName name="AUDITORIA">OFFSET([2]Data_Entry_Clientes!$AF$1,1,0,COUNTA([2]Data_Entry_Clientes!$AF$2:$AF$65536),1)</definedName>
    <definedName name="AUTORIZACION_SUGEF">[1]Autopr!#REF!</definedName>
    <definedName name="CAPACIDAD_CALIFICACION">[1]Autopr!#REF!</definedName>
    <definedName name="CAT_PROGRAMA">[1]Autopr!#REF!</definedName>
    <definedName name="CNT">OFFSET([3]Datos_Maestros!$AE$3,1,0,COUNTA([3]Datos_Maestros!$AC$4:$AC$65536),1)</definedName>
    <definedName name="CNT_XP_INI">[3]Datos_Maestros!$AP$3</definedName>
    <definedName name="COD">#REF!</definedName>
    <definedName name="COD_CNT_XD">OFFSET([3]Datos_Maestros!$AR$3,1,0,COUNTA([3]Datos_Maestros!$AR$4:$AR$65536),1)</definedName>
    <definedName name="COD_CNT_XP">OFFSET([3]Datos_Maestros!$AM$3,1,0,COUNTA([3]Datos_Maestros!$AM$4:$AM$65536),1)</definedName>
    <definedName name="COD_DIST_XC">OFFSET([4]Datos_Maestros!$AT$3,1,0,COUNTA([4]Datos_Maestros!$AR$4:$AR$65536),1)</definedName>
    <definedName name="COD_PRV_XC">OFFSET([3]Datos_Maestros!$AK$3,1,0,COUNTA([3]Datos_Maestros!$AK$4:$AK$65536),1)</definedName>
    <definedName name="CODEUDOR">[1]Autopr!$E$2</definedName>
    <definedName name="CODIGO">[5]Sheet3!$A$1:$A$10</definedName>
    <definedName name="COMENTARIO_NIVEL">[1]Autopr!#REF!</definedName>
    <definedName name="COMENTARIOS">[1]Autopr!#REF!</definedName>
    <definedName name="COMISION">[1]Autopr!$B$12</definedName>
    <definedName name="COMISION_AGENCIA">[1]Autopr!$B$13</definedName>
    <definedName name="COMISION_AGENCIA2">[1]Autopr!#REF!</definedName>
    <definedName name="COMISION_CLIENTE">[1]Autopr!#REF!</definedName>
    <definedName name="COMISION2">[1]Autopr!#REF!</definedName>
    <definedName name="CONDICIONES_ESPECIALES">[1]Autopr!#REF!</definedName>
    <definedName name="CUOTA_INGRESO_TOTAL2">[1]Autopr!#REF!</definedName>
    <definedName name="DATA">OFFSET([2]Data_Entry_Clientes!$A$1,1,0,COUNTA([2]Data_Entry_Clientes!$A$1:$A$65536)-1,COUNTA([2]Data_Entry_Clientes!$A$1:$IV$1)-COUNTA(VALIDACION)*2)</definedName>
    <definedName name="DESC_TASA_REFE">[1]Autopr!#REF!</definedName>
    <definedName name="DESCRIPCION_ACCOUNT">[1]Autopr!#REF!</definedName>
    <definedName name="DESCRIPCION_GLCODE">[1]Autopr!#REF!</definedName>
    <definedName name="DIRECCION">[1]Autopr!$B$5</definedName>
    <definedName name="DIST_XC_INI">[3]Datos_Maestros!$AW$3</definedName>
    <definedName name="EC">OFFSET([3]Datos_Maestros!$O$3,1,0,COUNTA([3]Datos_Maestros!$M$4:$M$65536),1)</definedName>
    <definedName name="FECHA_EMISION">[1]Autopr!#REF!</definedName>
    <definedName name="FI_COD">OFFSET([3]Datos_Maestros!$AY$3,1,0,COUNTA([3]Datos_Maestros!$AY$4:$AY$65536),1)</definedName>
    <definedName name="FI_MAX">OFFSET([3]Datos_Maestros!$BB$3,1,0,COUNTA([3]Datos_Maestros!$AY$4:$AY$65536),1)</definedName>
    <definedName name="FI_MIN">OFFSET([3]Datos_Maestros!$BA$3,1,0,COUNTA([3]Datos_Maestros!$AY$4:$AY$65536),1)</definedName>
    <definedName name="FIN_COMENTARIOS">[1]Autopr!#REF!</definedName>
    <definedName name="GASTOS_LEGALES">[1]Autopr!#REF!</definedName>
    <definedName name="GESTION">[4]Datos_Maestros!$BF$4:$BF$5</definedName>
    <definedName name="GLCODE">[1]Autopr!#REF!</definedName>
    <definedName name="GRUPO_INTERES_ECONOMICO">[1]Autopr!#REF!</definedName>
    <definedName name="hola">[1]Autopr!#REF!</definedName>
    <definedName name="IDENTIFICACION">[1]Autopr!$B$4</definedName>
    <definedName name="INGRESO_TOTAL2">[1]Autopr!#REF!</definedName>
    <definedName name="mariana">#REF!</definedName>
    <definedName name="marianaj">#REF!</definedName>
    <definedName name="MN">OFFSET([3]Datos_Maestros!$W$3,1,0,COUNTA([3]Datos_Maestros!$U$4:$U$65536),1)</definedName>
    <definedName name="MONTO_CONTRATO">[1]Autopr!$B$15</definedName>
    <definedName name="MONTO_CONTRATO2">[1]Autopr!#REF!</definedName>
    <definedName name="MONTO_GIRAR2">[1]Autopr!#REF!</definedName>
    <definedName name="N_Solicitud">[1]Autopr!#REF!</definedName>
    <definedName name="NIVEL">[1]Autopr!#REF!</definedName>
    <definedName name="NOMBRE_ANALISTA">[1]Autopr!#REF!</definedName>
    <definedName name="PAIS">#REF!</definedName>
    <definedName name="PLAZO_PRINCIPAL_AJU">[1]Autopr!#REF!</definedName>
    <definedName name="PLAZO_PRINCIPAL_INI">[1]Autopr!$E$8</definedName>
    <definedName name="PLAZO_SEGUROS_AJU">[1]Autopr!#REF!</definedName>
    <definedName name="PN">OFFSET([3]Datos_Maestros!$G$3,1,0,COUNTA([3]Datos_Maestros!$E$4:$E$65536),1)</definedName>
    <definedName name="PN_INI">[3]Datos_Maestros!$G$3</definedName>
    <definedName name="PORC_COM_CLIENTE">[1]Autopr!$C$12</definedName>
    <definedName name="PRF">OFFSET([3]Datos_Maestros!$K$3,1,0,COUNTA([3]Datos_Maestros!$I$4:$I$65536),1)</definedName>
    <definedName name="PRIMA">[1]Autopr!$B$9</definedName>
    <definedName name="PRIMA_VALOR_VEHICULO2">[1]Autopr!#REF!</definedName>
    <definedName name="PRIMA2">[1]Autopr!#REF!</definedName>
    <definedName name="PRINCIPAL_AJU">[1]Autopr!#REF!</definedName>
    <definedName name="PRINCIPAL_AJUSTADA">[1]Autopr!#REF!</definedName>
    <definedName name="PRINCIPAL_INI">[1]Autopr!#REF!</definedName>
    <definedName name="PRINCIPAL_INICIAL">[1]Autopr!#REF!</definedName>
    <definedName name="PROFESION">[6]Datos_Maestros!$I$3:$J$134</definedName>
    <definedName name="PROGRAMA">[1]Autopr!#REF!</definedName>
    <definedName name="PRV">OFFSET([3]Datos_Maestros!$AA$3,1,0,COUNTA([3]Datos_Maestros!$Y$4:$Y$65536),1)</definedName>
    <definedName name="PRV_XC">OFFSET([3]Datos_Maestros!$AO$3,1,0,COUNTA([3]Datos_Maestros!$AO$4:$AO$65536),1)</definedName>
    <definedName name="SALDO_DEL_VEHICULO">[1]Autopr!$B$10</definedName>
    <definedName name="SALDO_DEL_VEHICULO2">[1]Autopr!#REF!</definedName>
    <definedName name="SEGURO">[1]Autopr!#REF!</definedName>
    <definedName name="SEGURO_APROX">[1]Autopr!$B$11</definedName>
    <definedName name="SEGURO_APROX2">[1]Autopr!#REF!</definedName>
    <definedName name="SEGUROS_AJUSTADA">[1]Autopr!#REF!</definedName>
    <definedName name="SEGUROS_INICIAL">[1]Autopr!#REF!</definedName>
    <definedName name="SI">[4]Datos_Maestros!$BE$4:$BE$5</definedName>
    <definedName name="SOLICITANTE">[1]Autopr!$B$2</definedName>
    <definedName name="SPREAD">[1]Autopr!#REF!</definedName>
    <definedName name="SPREAD_INI">[1]Autopr!#REF!</definedName>
    <definedName name="SPREADA_AJU">[1]Autopr!#REF!</definedName>
    <definedName name="Suc">[4]Datos_Maestros!$B$18:$B$53</definedName>
    <definedName name="SX">OFFSET([3]Datos_Maestros!$S$3,1,0,COUNTA([3]Datos_Maestros!$S$4:$S$65536),1)</definedName>
    <definedName name="TARJETA_CREDITO">[1]Autopr!#REF!</definedName>
    <definedName name="TASA_INTERES_AJU">[1]Autopr!#REF!</definedName>
    <definedName name="TASA_INTERES_INI">[1]Autopr!#REF!</definedName>
    <definedName name="TASA_PISO">[1]Autopr!#REF!</definedName>
    <definedName name="TASA_REFERENCIA">[1]Autopr!$E$6</definedName>
    <definedName name="TASA_REFERENCIA_AJU">[1]Autopr!#REF!</definedName>
    <definedName name="TASA_REFERENCIA_INI">[1]Autopr!#REF!</definedName>
    <definedName name="TI">OFFSET([3]Datos_Maestros!$C$3,1,0,COUNTA([3]Datos_Maestros!$A$4:$A$65536),1)</definedName>
    <definedName name="TIPO_AUTO">[1]Autopr!#REF!</definedName>
    <definedName name="TIPO_CAMBIO">[1]Autopr!#REF!</definedName>
    <definedName name="TIPO_CAMBIO2">[1]Autopr!#REF!</definedName>
    <definedName name="TOTAL_AJUSTADA">[1]Autopr!#REF!</definedName>
    <definedName name="TOTAL_CUOTA_PRIN">[1]Autopr!#REF!</definedName>
    <definedName name="TOTAL_CUOTA_SEG">[1]Autopr!#REF!</definedName>
    <definedName name="TOTAL_DE_GASTOS">[1]Autopr!#REF!</definedName>
    <definedName name="TOTAL_GASTOS_LEGALES">[1]Autopr!#REF!</definedName>
    <definedName name="TOTAL_INICIAL">[1]Autopr!#REF!</definedName>
    <definedName name="VALIDACION">[2]Data_Entry_Clientes!$AG$1:$AO$1</definedName>
    <definedName name="VALOR_DE_RESCATE">[1]Autopr!$B$18</definedName>
    <definedName name="VALOR_DE_RESCATE2">[1]Autopr!#REF!</definedName>
    <definedName name="VALOR_VEHICULO">[1]Autopr!$B$8</definedName>
    <definedName name="VALOR_VEHICULO2">[1]Autopr!#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38" uniqueCount="32">
  <si>
    <r>
      <t xml:space="preserve">                           </t>
    </r>
    <r>
      <rPr>
        <b/>
        <sz val="12"/>
        <rFont val="Arial"/>
        <family val="2"/>
      </rPr>
      <t xml:space="preserve">AUTORIZACION DE FIRMAS
</t>
    </r>
    <r>
      <rPr>
        <sz val="8"/>
        <rFont val="Arial"/>
        <family val="2"/>
      </rPr>
      <t>(Sírvase completar el siguiente formulario y anule los campos que no se utilicen)</t>
    </r>
  </si>
  <si>
    <t>Yo</t>
  </si>
  <si>
    <t>en mi condición de apoderado generalísimo y con las facultades</t>
  </si>
  <si>
    <t xml:space="preserve">  suficientes para este acto y/o como propietario de la/s cuenta/s:</t>
  </si>
  <si>
    <t>N°</t>
  </si>
  <si>
    <t>Autorizo en forma indefinida y hasta nuevo aviso, a las siguientes personas como firmantes autorizados:</t>
  </si>
  <si>
    <t>Nombre</t>
  </si>
  <si>
    <t># de Identificación</t>
  </si>
  <si>
    <t>Tipo de Firma</t>
  </si>
  <si>
    <t>Tipo A/B</t>
  </si>
  <si>
    <t>Código Cliente</t>
  </si>
  <si>
    <t>• Inutilice los espacios en blanco para evitar irregularidades.</t>
  </si>
  <si>
    <r>
      <t xml:space="preserve">Instrucciones: </t>
    </r>
    <r>
      <rPr>
        <b/>
        <i/>
        <sz val="8"/>
        <color indexed="8"/>
        <rFont val="Arial"/>
        <family val="2"/>
      </rPr>
      <t>Debe anotar las condiciones en que se firmará en la cuenta (individual, conjunta, alguna otra aclaración et</t>
    </r>
    <r>
      <rPr>
        <b/>
        <sz val="8"/>
        <color indexed="8"/>
        <rFont val="Arial"/>
        <family val="2"/>
      </rPr>
      <t>c.)</t>
    </r>
  </si>
  <si>
    <t>Acepto en forma expresa e irrevocable el esquema de autorización de firmas establecido en el sistema empleado por Scotiabank de Costa Rica, S.A. y que esta Autorización de Firmas es complemento de las otras realizadas anteriormente, en caso de requerir realizar algun cambio del esquema actual deberé comunicarselo al Banco.
Además, que los arriba firmantes, podrán realizar cualquier tipo de gestión relacionada con la cuenta de acuerdo a las condiciones en que firmarán en la misma.</t>
  </si>
  <si>
    <t>Firma Representante Legal # 1</t>
  </si>
  <si>
    <t>Firma Representante Legal # 2</t>
  </si>
  <si>
    <t xml:space="preserve">    (se debe firmar igual al documento de identidad dentro del recuadro, preferiblemente con tinta negra).
En caso de existir un solo Representante, se deberá firmar en el recuadro # 1 y anular el recuadro #2.</t>
  </si>
  <si>
    <t>Código del Cliente</t>
  </si>
  <si>
    <t>USO INTERNO</t>
  </si>
  <si>
    <t>Autorizaciones</t>
  </si>
  <si>
    <t>Hecho por:</t>
  </si>
  <si>
    <t>Revisado por:</t>
  </si>
  <si>
    <t>Aprobado por:</t>
  </si>
  <si>
    <t>Nombre:</t>
  </si>
  <si>
    <t>Puesto:</t>
  </si>
  <si>
    <t>Firma:</t>
  </si>
  <si>
    <t>Fecha de Apertura:</t>
  </si>
  <si>
    <t>REQUISITOS QUE SE DEBEN ADJUNTAR</t>
  </si>
  <si>
    <r>
      <t>q</t>
    </r>
    <r>
      <rPr>
        <sz val="7"/>
        <color indexed="8"/>
        <rFont val="Times New Roman"/>
        <family val="1"/>
      </rPr>
      <t xml:space="preserve">  </t>
    </r>
    <r>
      <rPr>
        <sz val="8"/>
        <color indexed="8"/>
        <rFont val="Arial"/>
        <family val="2"/>
      </rPr>
      <t>Presentar original de Personería Jurídica (con no más de 3 meses de emitida) en esta debe indicar que “El Apoderado Generalísimo o  Representante Legal actúa Sin Limitación de Suma y que puede delegar su poder o mandato sin perder sus facultades”.</t>
    </r>
  </si>
  <si>
    <t xml:space="preserve">Si el Firmante o Representante es un cliente nuevo: </t>
  </si>
  <si>
    <r>
      <t>q</t>
    </r>
    <r>
      <rPr>
        <sz val="7"/>
        <color indexed="8"/>
        <rFont val="Times New Roman"/>
        <family val="1"/>
      </rPr>
      <t xml:space="preserve">  </t>
    </r>
    <r>
      <rPr>
        <sz val="8"/>
        <color indexed="8"/>
        <rFont val="Arial"/>
        <family val="2"/>
      </rPr>
      <t xml:space="preserve">Completar y firmar los formularios de Datos Generales del cliente </t>
    </r>
  </si>
  <si>
    <r>
      <t>q</t>
    </r>
    <r>
      <rPr>
        <sz val="7"/>
        <color indexed="8"/>
        <rFont val="Times New Roman"/>
        <family val="1"/>
      </rPr>
      <t xml:space="preserve">  </t>
    </r>
    <r>
      <rPr>
        <sz val="8"/>
        <color indexed="8"/>
        <rFont val="Arial"/>
        <family val="2"/>
      </rPr>
      <t>Presentar original y copia por ambos lados del  documento de identidad legible y vigente (cédula, cédula residencia, pasaporte, etc.)</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4" x14ac:knownFonts="1">
    <font>
      <sz val="11"/>
      <color theme="1"/>
      <name val="Calibri"/>
      <family val="2"/>
      <scheme val="minor"/>
    </font>
    <font>
      <sz val="8"/>
      <color rgb="FF000000"/>
      <name val="Tahoma"/>
      <family val="2"/>
    </font>
    <font>
      <sz val="9"/>
      <color theme="1"/>
      <name val="Arial"/>
      <family val="2"/>
    </font>
    <font>
      <sz val="12"/>
      <name val="Arial"/>
      <family val="2"/>
    </font>
    <font>
      <b/>
      <sz val="12"/>
      <name val="Arial"/>
      <family val="2"/>
    </font>
    <font>
      <sz val="8"/>
      <name val="Arial"/>
      <family val="2"/>
    </font>
    <font>
      <sz val="8"/>
      <color rgb="FF000000"/>
      <name val="Arial"/>
      <family val="2"/>
    </font>
    <font>
      <sz val="8"/>
      <color theme="1"/>
      <name val="Arial"/>
      <family val="2"/>
    </font>
    <font>
      <b/>
      <sz val="8"/>
      <color indexed="8"/>
      <name val="Arial"/>
      <family val="2"/>
    </font>
    <font>
      <sz val="7"/>
      <color theme="1"/>
      <name val="Arial"/>
      <family val="2"/>
    </font>
    <font>
      <b/>
      <sz val="6"/>
      <color indexed="8"/>
      <name val="Arial"/>
      <family val="2"/>
    </font>
    <font>
      <i/>
      <sz val="8"/>
      <color rgb="FF000000"/>
      <name val="Arial"/>
      <family val="2"/>
    </font>
    <font>
      <b/>
      <sz val="8"/>
      <color rgb="FF000000"/>
      <name val="Arial"/>
      <family val="2"/>
    </font>
    <font>
      <b/>
      <i/>
      <sz val="8"/>
      <color indexed="8"/>
      <name val="Arial"/>
      <family val="2"/>
    </font>
    <font>
      <b/>
      <sz val="8"/>
      <name val="Arial"/>
      <family val="2"/>
    </font>
    <font>
      <sz val="8"/>
      <color theme="1"/>
      <name val="Calibri"/>
      <family val="2"/>
      <scheme val="minor"/>
    </font>
    <font>
      <b/>
      <sz val="9"/>
      <name val="Arial"/>
      <family val="2"/>
    </font>
    <font>
      <b/>
      <sz val="8"/>
      <color theme="1"/>
      <name val="Arial"/>
      <family val="2"/>
    </font>
    <font>
      <b/>
      <sz val="9"/>
      <color rgb="FF000000"/>
      <name val="Arial"/>
      <family val="2"/>
    </font>
    <font>
      <sz val="8"/>
      <color theme="1"/>
      <name val="Wingdings"/>
      <charset val="2"/>
    </font>
    <font>
      <sz val="7"/>
      <color indexed="8"/>
      <name val="Times New Roman"/>
      <family val="1"/>
    </font>
    <font>
      <sz val="8"/>
      <color indexed="8"/>
      <name val="Arial"/>
      <family val="2"/>
    </font>
    <font>
      <b/>
      <sz val="9"/>
      <color theme="1"/>
      <name val="Arial"/>
      <family val="2"/>
    </font>
    <font>
      <sz val="7"/>
      <color theme="0" tint="-0.249977111117893"/>
      <name val="Arial"/>
      <family val="2"/>
    </font>
  </fonts>
  <fills count="7">
    <fill>
      <patternFill patternType="none"/>
    </fill>
    <fill>
      <patternFill patternType="gray125"/>
    </fill>
    <fill>
      <patternFill patternType="solid">
        <fgColor theme="0"/>
        <bgColor indexed="64"/>
      </patternFill>
    </fill>
    <fill>
      <patternFill patternType="solid">
        <fgColor indexed="9"/>
        <bgColor indexed="64"/>
      </patternFill>
    </fill>
    <fill>
      <patternFill patternType="solid">
        <fgColor theme="0" tint="-0.14999847407452621"/>
        <bgColor indexed="64"/>
      </patternFill>
    </fill>
    <fill>
      <patternFill patternType="solid">
        <fgColor theme="0" tint="-4.9989318521683403E-2"/>
        <bgColor indexed="64"/>
      </patternFill>
    </fill>
    <fill>
      <patternFill patternType="solid">
        <fgColor rgb="FFD9D9D9"/>
        <bgColor indexed="64"/>
      </patternFill>
    </fill>
  </fills>
  <borders count="11">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s>
  <cellStyleXfs count="1">
    <xf numFmtId="0" fontId="0" fillId="0" borderId="0"/>
  </cellStyleXfs>
  <cellXfs count="70">
    <xf numFmtId="0" fontId="0" fillId="0" borderId="0" xfId="0"/>
    <xf numFmtId="0" fontId="2" fillId="0" borderId="0" xfId="0" applyFont="1"/>
    <xf numFmtId="0" fontId="6" fillId="0" borderId="0" xfId="0" applyFont="1" applyAlignment="1">
      <alignment horizontal="left" vertical="center" wrapText="1"/>
    </xf>
    <xf numFmtId="0" fontId="7" fillId="0" borderId="0" xfId="0" applyFont="1" applyAlignment="1">
      <alignment vertical="center"/>
    </xf>
    <xf numFmtId="0" fontId="8" fillId="3" borderId="0" xfId="0" applyFont="1" applyFill="1" applyAlignment="1">
      <alignment horizontal="right"/>
    </xf>
    <xf numFmtId="0" fontId="7" fillId="0" borderId="1" xfId="0" applyFont="1" applyBorder="1" applyAlignment="1" applyProtection="1">
      <alignment vertical="center"/>
      <protection locked="0"/>
    </xf>
    <xf numFmtId="0" fontId="8" fillId="3" borderId="0" xfId="0" applyFont="1" applyFill="1" applyAlignment="1">
      <alignment horizontal="center"/>
    </xf>
    <xf numFmtId="0" fontId="7" fillId="4" borderId="5" xfId="0" applyFont="1" applyFill="1" applyBorder="1" applyAlignment="1">
      <alignment horizontal="center" vertical="center"/>
    </xf>
    <xf numFmtId="0" fontId="9" fillId="4" borderId="5" xfId="0" applyFont="1" applyFill="1" applyBorder="1" applyAlignment="1">
      <alignment horizontal="center" vertical="center" wrapText="1"/>
    </xf>
    <xf numFmtId="0" fontId="2" fillId="0" borderId="5" xfId="0" applyFont="1" applyBorder="1" applyAlignment="1" applyProtection="1">
      <alignment horizontal="center" vertical="center"/>
      <protection locked="0"/>
    </xf>
    <xf numFmtId="0" fontId="11" fillId="0" borderId="0" xfId="0" applyFont="1"/>
    <xf numFmtId="0" fontId="0" fillId="3" borderId="0" xfId="0" applyFill="1"/>
    <xf numFmtId="0" fontId="5" fillId="0" borderId="0" xfId="0" applyFont="1" applyAlignment="1">
      <alignment horizontal="center" vertical="center" wrapText="1"/>
    </xf>
    <xf numFmtId="0" fontId="7" fillId="5" borderId="5" xfId="0" applyFont="1" applyFill="1" applyBorder="1" applyAlignment="1">
      <alignment horizontal="center"/>
    </xf>
    <xf numFmtId="0" fontId="7" fillId="0" borderId="7" xfId="0" applyFont="1" applyBorder="1"/>
    <xf numFmtId="0" fontId="15" fillId="3" borderId="0" xfId="0" applyFont="1" applyFill="1"/>
    <xf numFmtId="0" fontId="7" fillId="0" borderId="5" xfId="0" applyFont="1" applyBorder="1" applyAlignment="1" applyProtection="1">
      <alignment horizontal="center" vertical="center"/>
      <protection locked="0"/>
    </xf>
    <xf numFmtId="0" fontId="7" fillId="0" borderId="7" xfId="0" applyFont="1" applyBorder="1" applyAlignment="1">
      <alignment vertical="center"/>
    </xf>
    <xf numFmtId="0" fontId="7" fillId="0" borderId="5" xfId="0" applyFont="1" applyBorder="1" applyAlignment="1" applyProtection="1">
      <alignment vertical="center"/>
      <protection locked="0"/>
    </xf>
    <xf numFmtId="0" fontId="0" fillId="3" borderId="0" xfId="0" applyFill="1" applyAlignment="1">
      <alignment vertical="center"/>
    </xf>
    <xf numFmtId="0" fontId="0" fillId="0" borderId="0" xfId="0" applyAlignment="1">
      <alignment horizontal="center"/>
    </xf>
    <xf numFmtId="0" fontId="7" fillId="0" borderId="2" xfId="0" applyFont="1" applyBorder="1" applyAlignment="1" applyProtection="1">
      <alignment horizontal="center" vertical="center"/>
      <protection locked="0"/>
    </xf>
    <xf numFmtId="0" fontId="7" fillId="0" borderId="3" xfId="0" applyFont="1" applyBorder="1" applyAlignment="1" applyProtection="1">
      <alignment horizontal="center" vertical="center"/>
      <protection locked="0"/>
    </xf>
    <xf numFmtId="0" fontId="7" fillId="0" borderId="4" xfId="0" applyFont="1" applyBorder="1" applyAlignment="1" applyProtection="1">
      <alignment horizontal="center" vertical="center"/>
      <protection locked="0"/>
    </xf>
    <xf numFmtId="0" fontId="7" fillId="0" borderId="0" xfId="0" applyFont="1" applyAlignment="1">
      <alignment horizontal="center" vertical="center"/>
    </xf>
    <xf numFmtId="0" fontId="18" fillId="0" borderId="0" xfId="0" applyFont="1" applyAlignment="1">
      <alignment horizontal="center" vertical="top" wrapText="1"/>
    </xf>
    <xf numFmtId="0" fontId="22" fillId="0" borderId="0" xfId="0" applyFont="1" applyAlignment="1">
      <alignment vertical="center"/>
    </xf>
    <xf numFmtId="0" fontId="2" fillId="0" borderId="0" xfId="0" applyFont="1" applyAlignment="1">
      <alignment vertical="center"/>
    </xf>
    <xf numFmtId="0" fontId="19" fillId="0" borderId="0" xfId="0" applyFont="1" applyAlignment="1">
      <alignment vertical="center"/>
    </xf>
    <xf numFmtId="0" fontId="19" fillId="0" borderId="0" xfId="0" applyFont="1" applyAlignment="1">
      <alignment horizontal="center" vertical="center"/>
    </xf>
    <xf numFmtId="0" fontId="19" fillId="0" borderId="0" xfId="0" applyFont="1" applyAlignment="1">
      <alignment horizontal="left" vertical="center"/>
    </xf>
    <xf numFmtId="0" fontId="23" fillId="0" borderId="0" xfId="0" applyFont="1"/>
    <xf numFmtId="0" fontId="7" fillId="0" borderId="2" xfId="0" applyFont="1" applyBorder="1" applyAlignment="1" applyProtection="1">
      <alignment horizontal="center" vertical="center"/>
      <protection locked="0"/>
    </xf>
    <xf numFmtId="0" fontId="7" fillId="0" borderId="3" xfId="0" applyFont="1" applyBorder="1" applyAlignment="1" applyProtection="1">
      <alignment horizontal="center" vertical="center"/>
      <protection locked="0"/>
    </xf>
    <xf numFmtId="0" fontId="7" fillId="0" borderId="4" xfId="0" applyFont="1" applyBorder="1" applyAlignment="1" applyProtection="1">
      <alignment horizontal="center" vertical="center"/>
      <protection locked="0"/>
    </xf>
    <xf numFmtId="0" fontId="0" fillId="0" borderId="0" xfId="0" applyAlignment="1" applyProtection="1">
      <alignment horizontal="center" vertical="center"/>
      <protection locked="0"/>
    </xf>
    <xf numFmtId="0" fontId="18" fillId="6" borderId="8" xfId="0" applyFont="1" applyFill="1" applyBorder="1" applyAlignment="1">
      <alignment horizontal="center" vertical="top" wrapText="1"/>
    </xf>
    <xf numFmtId="0" fontId="18" fillId="6" borderId="9" xfId="0" applyFont="1" applyFill="1" applyBorder="1" applyAlignment="1">
      <alignment horizontal="center" vertical="top" wrapText="1"/>
    </xf>
    <xf numFmtId="0" fontId="18" fillId="6" borderId="10" xfId="0" applyFont="1" applyFill="1" applyBorder="1" applyAlignment="1">
      <alignment horizontal="center" vertical="top" wrapText="1"/>
    </xf>
    <xf numFmtId="0" fontId="19" fillId="0" borderId="0" xfId="0" applyFont="1" applyAlignment="1">
      <alignment horizontal="left" vertical="center" wrapText="1"/>
    </xf>
    <xf numFmtId="0" fontId="7" fillId="4" borderId="5" xfId="0" applyFont="1" applyFill="1" applyBorder="1" applyAlignment="1">
      <alignment horizontal="center" vertical="center"/>
    </xf>
    <xf numFmtId="0" fontId="7" fillId="0" borderId="5" xfId="0" applyFont="1" applyBorder="1" applyAlignment="1" applyProtection="1">
      <alignment horizontal="center" vertical="center"/>
      <protection locked="0"/>
    </xf>
    <xf numFmtId="0" fontId="0" fillId="0" borderId="0" xfId="0" applyAlignment="1">
      <alignment horizontal="center"/>
    </xf>
    <xf numFmtId="0" fontId="16" fillId="4" borderId="2" xfId="0" applyFont="1" applyFill="1" applyBorder="1" applyAlignment="1">
      <alignment horizontal="center" vertical="center"/>
    </xf>
    <xf numFmtId="0" fontId="16" fillId="4" borderId="3" xfId="0" applyFont="1" applyFill="1" applyBorder="1" applyAlignment="1">
      <alignment horizontal="center" vertical="center"/>
    </xf>
    <xf numFmtId="0" fontId="16" fillId="4" borderId="4" xfId="0" applyFont="1" applyFill="1" applyBorder="1" applyAlignment="1">
      <alignment horizontal="center" vertical="center"/>
    </xf>
    <xf numFmtId="0" fontId="17" fillId="3" borderId="5" xfId="0" applyFont="1" applyFill="1" applyBorder="1" applyAlignment="1">
      <alignment horizontal="center" vertical="center"/>
    </xf>
    <xf numFmtId="0" fontId="7" fillId="4" borderId="5" xfId="0" applyFont="1" applyFill="1" applyBorder="1" applyAlignment="1">
      <alignment horizontal="center" vertical="center" wrapText="1"/>
    </xf>
    <xf numFmtId="0" fontId="7" fillId="4" borderId="2" xfId="0" applyFont="1" applyFill="1" applyBorder="1" applyAlignment="1">
      <alignment horizontal="center" vertical="center" wrapText="1"/>
    </xf>
    <xf numFmtId="0" fontId="7" fillId="4" borderId="3" xfId="0" applyFont="1" applyFill="1" applyBorder="1" applyAlignment="1">
      <alignment horizontal="center" vertical="center" wrapText="1"/>
    </xf>
    <xf numFmtId="0" fontId="7" fillId="4" borderId="4" xfId="0" applyFont="1" applyFill="1" applyBorder="1" applyAlignment="1">
      <alignment horizontal="center" vertical="center" wrapText="1"/>
    </xf>
    <xf numFmtId="0" fontId="6" fillId="0" borderId="6" xfId="0" applyFont="1" applyBorder="1" applyAlignment="1">
      <alignment horizontal="left" vertical="center" wrapText="1"/>
    </xf>
    <xf numFmtId="0" fontId="14" fillId="0" borderId="0" xfId="0" applyFont="1" applyAlignment="1">
      <alignment horizontal="center"/>
    </xf>
    <xf numFmtId="0" fontId="5" fillId="0" borderId="0" xfId="0" applyFont="1" applyAlignment="1">
      <alignment horizontal="center" vertical="center" wrapText="1"/>
    </xf>
    <xf numFmtId="0" fontId="7" fillId="5" borderId="5" xfId="0" applyFont="1" applyFill="1" applyBorder="1" applyAlignment="1">
      <alignment horizontal="center"/>
    </xf>
    <xf numFmtId="0" fontId="7" fillId="5" borderId="2" xfId="0" applyFont="1" applyFill="1" applyBorder="1" applyAlignment="1">
      <alignment horizontal="center"/>
    </xf>
    <xf numFmtId="0" fontId="7" fillId="5" borderId="3" xfId="0" applyFont="1" applyFill="1" applyBorder="1" applyAlignment="1">
      <alignment horizontal="center"/>
    </xf>
    <xf numFmtId="0" fontId="2" fillId="0" borderId="2" xfId="0" applyFont="1" applyBorder="1" applyAlignment="1" applyProtection="1">
      <alignment horizontal="center" vertical="center"/>
      <protection locked="0"/>
    </xf>
    <xf numFmtId="0" fontId="2" fillId="0" borderId="3" xfId="0" applyFont="1" applyBorder="1" applyAlignment="1" applyProtection="1">
      <alignment horizontal="center" vertical="center"/>
      <protection locked="0"/>
    </xf>
    <xf numFmtId="0" fontId="2" fillId="0" borderId="4" xfId="0" applyFont="1" applyBorder="1" applyAlignment="1" applyProtection="1">
      <alignment horizontal="center" vertical="center"/>
      <protection locked="0"/>
    </xf>
    <xf numFmtId="0" fontId="10" fillId="5" borderId="2" xfId="0" applyFont="1" applyFill="1" applyBorder="1" applyAlignment="1">
      <alignment horizontal="center" wrapText="1"/>
    </xf>
    <xf numFmtId="0" fontId="10" fillId="5" borderId="4" xfId="0" applyFont="1" applyFill="1" applyBorder="1" applyAlignment="1">
      <alignment horizontal="center" wrapText="1"/>
    </xf>
    <xf numFmtId="0" fontId="12" fillId="0" borderId="5" xfId="0" applyFont="1" applyBorder="1" applyAlignment="1">
      <alignment horizontal="center"/>
    </xf>
    <xf numFmtId="0" fontId="7" fillId="0" borderId="5" xfId="0" applyFont="1" applyBorder="1" applyAlignment="1" applyProtection="1">
      <alignment horizontal="left" vertical="center"/>
      <protection locked="0"/>
    </xf>
    <xf numFmtId="0" fontId="7" fillId="4" borderId="2" xfId="0" applyFont="1" applyFill="1" applyBorder="1" applyAlignment="1">
      <alignment horizontal="center" vertical="center"/>
    </xf>
    <xf numFmtId="0" fontId="7" fillId="4" borderId="3" xfId="0" applyFont="1" applyFill="1" applyBorder="1" applyAlignment="1">
      <alignment horizontal="center" vertical="center"/>
    </xf>
    <xf numFmtId="0" fontId="7" fillId="4" borderId="4" xfId="0" applyFont="1" applyFill="1" applyBorder="1" applyAlignment="1">
      <alignment horizontal="center" vertical="center"/>
    </xf>
    <xf numFmtId="0" fontId="3" fillId="2" borderId="0" xfId="0" applyFont="1" applyFill="1" applyAlignment="1">
      <alignment horizontal="right" wrapText="1"/>
    </xf>
    <xf numFmtId="0" fontId="7" fillId="0" borderId="1" xfId="0" applyFont="1" applyBorder="1" applyAlignment="1" applyProtection="1">
      <alignment horizontal="center" vertical="center"/>
      <protection locked="0"/>
    </xf>
    <xf numFmtId="0" fontId="6" fillId="0" borderId="0" xfId="0" applyFont="1" applyAlignment="1">
      <alignment horizontal="left" vertical="center"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externalLink" Target="externalLinks/externalLink5.xml"/><Relationship Id="rId5" Type="http://schemas.openxmlformats.org/officeDocument/2006/relationships/externalLink" Target="externalLinks/externalLink4.xml"/><Relationship Id="rId10" Type="http://schemas.openxmlformats.org/officeDocument/2006/relationships/sharedStrings" Target="sharedStrings.xml"/><Relationship Id="rId4" Type="http://schemas.openxmlformats.org/officeDocument/2006/relationships/externalLink" Target="externalLinks/externalLink3.xml"/><Relationship Id="rId9"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0</xdr:col>
      <xdr:colOff>219075</xdr:colOff>
      <xdr:row>22</xdr:row>
      <xdr:rowOff>457200</xdr:rowOff>
    </xdr:from>
    <xdr:to>
      <xdr:col>4</xdr:col>
      <xdr:colOff>1362074</xdr:colOff>
      <xdr:row>26</xdr:row>
      <xdr:rowOff>9526</xdr:rowOff>
    </xdr:to>
    <xdr:sp macro="" textlink="">
      <xdr:nvSpPr>
        <xdr:cNvPr id="2" name="Rounded Rectangle 2">
          <a:extLst>
            <a:ext uri="{FF2B5EF4-FFF2-40B4-BE49-F238E27FC236}">
              <a16:creationId xmlns:a16="http://schemas.microsoft.com/office/drawing/2014/main" id="{00000000-0008-0000-0000-000002000000}"/>
            </a:ext>
          </a:extLst>
        </xdr:cNvPr>
        <xdr:cNvSpPr/>
      </xdr:nvSpPr>
      <xdr:spPr>
        <a:xfrm>
          <a:off x="215900" y="6010275"/>
          <a:ext cx="3225799" cy="1311276"/>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es-CR"/>
        </a:p>
      </xdr:txBody>
    </xdr:sp>
    <xdr:clientData/>
  </xdr:twoCellAnchor>
  <xdr:twoCellAnchor>
    <xdr:from>
      <xdr:col>5</xdr:col>
      <xdr:colOff>104775</xdr:colOff>
      <xdr:row>22</xdr:row>
      <xdr:rowOff>428625</xdr:rowOff>
    </xdr:from>
    <xdr:to>
      <xdr:col>10</xdr:col>
      <xdr:colOff>714375</xdr:colOff>
      <xdr:row>26</xdr:row>
      <xdr:rowOff>9527</xdr:rowOff>
    </xdr:to>
    <xdr:sp macro="" textlink="">
      <xdr:nvSpPr>
        <xdr:cNvPr id="3" name="Rounded Rectangle 3">
          <a:extLst>
            <a:ext uri="{FF2B5EF4-FFF2-40B4-BE49-F238E27FC236}">
              <a16:creationId xmlns:a16="http://schemas.microsoft.com/office/drawing/2014/main" id="{00000000-0008-0000-0000-000003000000}"/>
            </a:ext>
          </a:extLst>
        </xdr:cNvPr>
        <xdr:cNvSpPr/>
      </xdr:nvSpPr>
      <xdr:spPr>
        <a:xfrm>
          <a:off x="3673475" y="6007100"/>
          <a:ext cx="3276600" cy="1314452"/>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es-CR"/>
        </a:p>
      </xdr:txBody>
    </xdr:sp>
    <xdr:clientData/>
  </xdr:twoCellAnchor>
  <mc:AlternateContent xmlns:mc="http://schemas.openxmlformats.org/markup-compatibility/2006">
    <mc:Choice xmlns:a14="http://schemas.microsoft.com/office/drawing/2010/main" Requires="a14">
      <xdr:twoCellAnchor editAs="oneCell">
        <xdr:from>
          <xdr:col>7</xdr:col>
          <xdr:colOff>247650</xdr:colOff>
          <xdr:row>0</xdr:row>
          <xdr:rowOff>431800</xdr:rowOff>
        </xdr:from>
        <xdr:to>
          <xdr:col>9</xdr:col>
          <xdr:colOff>222250</xdr:colOff>
          <xdr:row>2</xdr:row>
          <xdr:rowOff>698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clusión</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9050</xdr:colOff>
          <xdr:row>0</xdr:row>
          <xdr:rowOff>425450</xdr:rowOff>
        </xdr:from>
        <xdr:to>
          <xdr:col>10</xdr:col>
          <xdr:colOff>838200</xdr:colOff>
          <xdr:row>2</xdr:row>
          <xdr:rowOff>7620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Sustitución</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8</xdr:row>
          <xdr:rowOff>247650</xdr:rowOff>
        </xdr:from>
        <xdr:to>
          <xdr:col>8</xdr:col>
          <xdr:colOff>222250</xdr:colOff>
          <xdr:row>9</xdr:row>
          <xdr:rowOff>20320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9</xdr:row>
          <xdr:rowOff>165100</xdr:rowOff>
        </xdr:from>
        <xdr:to>
          <xdr:col>9</xdr:col>
          <xdr:colOff>107950</xdr:colOff>
          <xdr:row>10</xdr:row>
          <xdr:rowOff>1270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9</xdr:row>
          <xdr:rowOff>361950</xdr:rowOff>
        </xdr:from>
        <xdr:to>
          <xdr:col>8</xdr:col>
          <xdr:colOff>222250</xdr:colOff>
          <xdr:row>10</xdr:row>
          <xdr:rowOff>20320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0</xdr:row>
          <xdr:rowOff>165100</xdr:rowOff>
        </xdr:from>
        <xdr:to>
          <xdr:col>9</xdr:col>
          <xdr:colOff>107950</xdr:colOff>
          <xdr:row>11</xdr:row>
          <xdr:rowOff>1270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000-00000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0</xdr:row>
          <xdr:rowOff>361950</xdr:rowOff>
        </xdr:from>
        <xdr:to>
          <xdr:col>8</xdr:col>
          <xdr:colOff>222250</xdr:colOff>
          <xdr:row>11</xdr:row>
          <xdr:rowOff>20320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0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1</xdr:row>
          <xdr:rowOff>165100</xdr:rowOff>
        </xdr:from>
        <xdr:to>
          <xdr:col>9</xdr:col>
          <xdr:colOff>107950</xdr:colOff>
          <xdr:row>12</xdr:row>
          <xdr:rowOff>1270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000-00000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1</xdr:row>
          <xdr:rowOff>374650</xdr:rowOff>
        </xdr:from>
        <xdr:to>
          <xdr:col>8</xdr:col>
          <xdr:colOff>222250</xdr:colOff>
          <xdr:row>12</xdr:row>
          <xdr:rowOff>22225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000-00000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2</xdr:row>
          <xdr:rowOff>165100</xdr:rowOff>
        </xdr:from>
        <xdr:to>
          <xdr:col>9</xdr:col>
          <xdr:colOff>107950</xdr:colOff>
          <xdr:row>13</xdr:row>
          <xdr:rowOff>1270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0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2</xdr:row>
          <xdr:rowOff>374650</xdr:rowOff>
        </xdr:from>
        <xdr:to>
          <xdr:col>8</xdr:col>
          <xdr:colOff>222250</xdr:colOff>
          <xdr:row>13</xdr:row>
          <xdr:rowOff>22225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0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3</xdr:row>
          <xdr:rowOff>165100</xdr:rowOff>
        </xdr:from>
        <xdr:to>
          <xdr:col>9</xdr:col>
          <xdr:colOff>107950</xdr:colOff>
          <xdr:row>14</xdr:row>
          <xdr:rowOff>1270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3</xdr:row>
          <xdr:rowOff>374650</xdr:rowOff>
        </xdr:from>
        <xdr:to>
          <xdr:col>8</xdr:col>
          <xdr:colOff>222250</xdr:colOff>
          <xdr:row>14</xdr:row>
          <xdr:rowOff>22225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000-00000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4</xdr:row>
          <xdr:rowOff>165100</xdr:rowOff>
        </xdr:from>
        <xdr:to>
          <xdr:col>9</xdr:col>
          <xdr:colOff>107950</xdr:colOff>
          <xdr:row>15</xdr:row>
          <xdr:rowOff>1270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0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4</xdr:row>
          <xdr:rowOff>374650</xdr:rowOff>
        </xdr:from>
        <xdr:to>
          <xdr:col>8</xdr:col>
          <xdr:colOff>222250</xdr:colOff>
          <xdr:row>15</xdr:row>
          <xdr:rowOff>222250</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0000-00000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Indiv.</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7950</xdr:colOff>
          <xdr:row>15</xdr:row>
          <xdr:rowOff>165100</xdr:rowOff>
        </xdr:from>
        <xdr:to>
          <xdr:col>9</xdr:col>
          <xdr:colOff>107950</xdr:colOff>
          <xdr:row>16</xdr:row>
          <xdr:rowOff>1270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0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en-CA" sz="800" b="0" i="0" u="none" strike="noStrike" baseline="0">
                  <a:solidFill>
                    <a:srgbClr val="000000"/>
                  </a:solidFill>
                  <a:latin typeface="Tahoma"/>
                  <a:ea typeface="Tahoma"/>
                  <a:cs typeface="Tahoma"/>
                </a:rPr>
                <a:t>Conj.</a:t>
              </a:r>
            </a:p>
          </xdr:txBody>
        </xdr:sp>
        <xdr:clientData fLocksWithSheet="0"/>
      </xdr:twoCellAnchor>
    </mc:Choice>
    <mc:Fallback/>
  </mc:AlternateContent>
  <xdr:twoCellAnchor editAs="oneCell">
    <xdr:from>
      <xdr:col>0</xdr:col>
      <xdr:colOff>92076</xdr:colOff>
      <xdr:row>0</xdr:row>
      <xdr:rowOff>38101</xdr:rowOff>
    </xdr:from>
    <xdr:to>
      <xdr:col>2</xdr:col>
      <xdr:colOff>273743</xdr:colOff>
      <xdr:row>0</xdr:row>
      <xdr:rowOff>361951</xdr:rowOff>
    </xdr:to>
    <xdr:pic>
      <xdr:nvPicPr>
        <xdr:cNvPr id="20" name="Picture 19">
          <a:extLst>
            <a:ext uri="{FF2B5EF4-FFF2-40B4-BE49-F238E27FC236}">
              <a16:creationId xmlns:a16="http://schemas.microsoft.com/office/drawing/2014/main" id="{00000000-0008-0000-0000-000014000000}"/>
            </a:ext>
          </a:extLst>
        </xdr:cNvPr>
        <xdr:cNvPicPr>
          <a:picLocks noChangeAspect="1"/>
        </xdr:cNvPicPr>
      </xdr:nvPicPr>
      <xdr:blipFill>
        <a:blip xmlns:r="http://schemas.openxmlformats.org/officeDocument/2006/relationships" r:embed="rId1"/>
        <a:stretch>
          <a:fillRect/>
        </a:stretch>
      </xdr:blipFill>
      <xdr:spPr>
        <a:xfrm>
          <a:off x="92076" y="38101"/>
          <a:ext cx="1591367" cy="323850"/>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Y:\Users\rualfaro\Downloads\LEASING%20FINANCIERO%20MANUAL.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rsbdept01p\FILESERVER\Users\stgonzale\AppData\Local\Microsoft\Windows\Temporary%20Internet%20Files\Content.Outlook\UCTXFP8V\Input%20Blanco.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rsbdept02p.cri.bns\Departamentos\Operaciones\CUSTOMER%20SUPPORT\ARCHIVOS%20PLANILLAS\PLANILLAS%20ACTIVAS%20AL%202009%20(TRAMITADAS)\112%20-%20AGENCIA%20SAN%20JOSE\NUMAR\2013\NUMAR%2011-11-13\input%20corregido.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5745932\AppData\Local\Microsoft\Windows\INetCache\Content.Outlook\YRTLXSFG\Herramienta%20de%20impresion%20Final-v2Revision%20(006).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10.22.131.140/Mis%20Documentos/SALES%20&amp;%20SERVICES/VENTAS/PENDIENTES%20APC/SOLICITUDES%20DEVUELTAS.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http://intranetcr.cri.bns/My%20Documents/Gerencia%20Remediacion%20Cuentas/Cartas%20Planillas/Nuevo%20archivo%20input%20FFVV%20%20(Versi&#243;n%20Mejorada)%20200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lculos generales"/>
      <sheetName val="OFERTA LEAS"/>
      <sheetName val="DATOS ADICIONALES"/>
      <sheetName val="DATOS ADICIONALES (2)"/>
      <sheetName val="DATOS CONVERSION"/>
      <sheetName val="Descripcion Vehiculo"/>
      <sheetName val="Autopr"/>
      <sheetName val="Autopr (2)"/>
      <sheetName val="DESGLOSE"/>
      <sheetName val="VARIACIONES"/>
      <sheetName val="OFERTA CALC"/>
      <sheetName val="PROMOS"/>
      <sheetName val="Contrato y pagare"/>
      <sheetName val="DATOS CONVERSION (2)"/>
      <sheetName val="Pagaré"/>
      <sheetName val="Sheet1"/>
    </sheetNames>
    <sheetDataSet>
      <sheetData sheetId="0"/>
      <sheetData sheetId="1"/>
      <sheetData sheetId="2"/>
      <sheetData sheetId="3"/>
      <sheetData sheetId="4"/>
      <sheetData sheetId="5"/>
      <sheetData sheetId="6">
        <row r="2">
          <cell r="B2" t="str">
            <v>NARTENHE S.A</v>
          </cell>
          <cell r="E2">
            <v>0</v>
          </cell>
        </row>
        <row r="4">
          <cell r="B4" t="str">
            <v>3-101-102341</v>
          </cell>
        </row>
        <row r="5">
          <cell r="B5" t="str">
            <v>SAN JOSE</v>
          </cell>
        </row>
        <row r="6">
          <cell r="E6">
            <v>4.4999999999999998E-2</v>
          </cell>
        </row>
        <row r="8">
          <cell r="B8">
            <v>65000</v>
          </cell>
          <cell r="E8" t="str">
            <v>60</v>
          </cell>
        </row>
        <row r="9">
          <cell r="B9">
            <v>13000</v>
          </cell>
        </row>
        <row r="10">
          <cell r="B10">
            <v>52000</v>
          </cell>
        </row>
        <row r="11">
          <cell r="B11">
            <v>840.58</v>
          </cell>
        </row>
        <row r="12">
          <cell r="B12">
            <v>1746.770025839789</v>
          </cell>
          <cell r="C12">
            <v>3.2500000000000001E-2</v>
          </cell>
        </row>
        <row r="13">
          <cell r="B13">
            <v>0</v>
          </cell>
        </row>
        <row r="15">
          <cell r="B15">
            <v>53746.770025839789</v>
          </cell>
        </row>
        <row r="18">
          <cell r="B18">
            <v>0</v>
          </cell>
        </row>
      </sheetData>
      <sheetData sheetId="7"/>
      <sheetData sheetId="8"/>
      <sheetData sheetId="9"/>
      <sheetData sheetId="10"/>
      <sheetData sheetId="11"/>
      <sheetData sheetId="12"/>
      <sheetData sheetId="13"/>
      <sheetData sheetId="14"/>
      <sheetData sheetId="15"/>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enu"/>
      <sheetName val="Data_Entry_Clientes"/>
      <sheetName val="Carta"/>
      <sheetName val="Datos_Maestros"/>
    </sheetNames>
    <sheetDataSet>
      <sheetData sheetId="0"/>
      <sheetData sheetId="1">
        <row r="1">
          <cell r="A1" t="str">
            <v>APELLIDO1</v>
          </cell>
          <cell r="B1" t="str">
            <v>APELLIDO2</v>
          </cell>
          <cell r="C1" t="str">
            <v>PRIMER NOMBRE</v>
          </cell>
          <cell r="D1" t="str">
            <v>SEGUNDO NOMBRE</v>
          </cell>
          <cell r="E1" t="str">
            <v>TIPO IDENTIFICACION</v>
          </cell>
          <cell r="F1" t="str">
            <v>IDENTIFICACION</v>
          </cell>
          <cell r="G1" t="str">
            <v>FECHA VENCE ID</v>
          </cell>
          <cell r="H1" t="str">
            <v>FECHA DE NACIMIENTO</v>
          </cell>
          <cell r="I1" t="str">
            <v>PAIS NACIMIENTO</v>
          </cell>
          <cell r="J1" t="str">
            <v>SEXO</v>
          </cell>
          <cell r="K1" t="str">
            <v>ESTADO CIVIL</v>
          </cell>
          <cell r="L1" t="str">
            <v>PROVINCIA</v>
          </cell>
          <cell r="M1" t="str">
            <v>CANTON</v>
          </cell>
          <cell r="N1" t="str">
            <v>DISTRITO</v>
          </cell>
          <cell r="O1" t="str">
            <v>DIRECCION</v>
          </cell>
          <cell r="P1" t="str">
            <v>TELEFONO CASA</v>
          </cell>
          <cell r="Q1" t="str">
            <v>TELEFONO CELULAR</v>
          </cell>
          <cell r="R1" t="str">
            <v>TELEFONO TRABAJO</v>
          </cell>
          <cell r="S1" t="str">
            <v>CRC</v>
          </cell>
          <cell r="T1" t="str">
            <v>SALARIO ACTUAL</v>
          </cell>
          <cell r="U1" t="str">
            <v>NOMBRE DE LA EMPRESA</v>
          </cell>
          <cell r="V1" t="str">
            <v>PROFESION</v>
          </cell>
          <cell r="X1" t="str">
            <v>Validacion I</v>
          </cell>
          <cell r="Y1" t="str">
            <v>Validacion II</v>
          </cell>
          <cell r="Z1" t="str">
            <v>Validacion III</v>
          </cell>
          <cell r="AA1" t="str">
            <v>Validacion IV</v>
          </cell>
          <cell r="AB1" t="str">
            <v>Validacion V</v>
          </cell>
          <cell r="AC1" t="str">
            <v>Validacion VI</v>
          </cell>
          <cell r="AD1" t="str">
            <v>Validacion VII</v>
          </cell>
          <cell r="AE1" t="str">
            <v>Validacion VIII</v>
          </cell>
          <cell r="AF1" t="str">
            <v>AUDITORIA</v>
          </cell>
          <cell r="AG1">
            <v>0</v>
          </cell>
          <cell r="AH1">
            <v>7</v>
          </cell>
          <cell r="AI1">
            <v>1</v>
          </cell>
          <cell r="AJ1">
            <v>1</v>
          </cell>
          <cell r="AK1">
            <v>1</v>
          </cell>
          <cell r="AL1">
            <v>0</v>
          </cell>
          <cell r="AM1">
            <v>0</v>
          </cell>
          <cell r="AN1">
            <v>0</v>
          </cell>
          <cell r="AO1">
            <v>10</v>
          </cell>
        </row>
        <row r="2">
          <cell r="AF2">
            <v>18</v>
          </cell>
        </row>
        <row r="3">
          <cell r="AF3">
            <v>17</v>
          </cell>
        </row>
        <row r="4">
          <cell r="AF4">
            <v>21</v>
          </cell>
        </row>
        <row r="5">
          <cell r="AF5">
            <v>21</v>
          </cell>
        </row>
        <row r="6">
          <cell r="AF6">
            <v>23</v>
          </cell>
        </row>
        <row r="7">
          <cell r="AF7">
            <v>24</v>
          </cell>
        </row>
        <row r="8">
          <cell r="AF8">
            <v>24</v>
          </cell>
        </row>
        <row r="9">
          <cell r="AF9">
            <v>25</v>
          </cell>
        </row>
        <row r="10">
          <cell r="AF10">
            <v>25</v>
          </cell>
        </row>
        <row r="11">
          <cell r="AF11">
            <v>27</v>
          </cell>
        </row>
        <row r="12">
          <cell r="AF12">
            <v>27</v>
          </cell>
        </row>
        <row r="13">
          <cell r="AF13">
            <v>27</v>
          </cell>
        </row>
        <row r="14">
          <cell r="AF14">
            <v>27</v>
          </cell>
        </row>
        <row r="15">
          <cell r="AF15">
            <v>27</v>
          </cell>
        </row>
        <row r="16">
          <cell r="AF16">
            <v>27</v>
          </cell>
        </row>
        <row r="17">
          <cell r="AF17">
            <v>27</v>
          </cell>
        </row>
        <row r="18">
          <cell r="AF18">
            <v>27</v>
          </cell>
        </row>
        <row r="19">
          <cell r="AF19">
            <v>27</v>
          </cell>
        </row>
        <row r="20">
          <cell r="AF20">
            <v>27</v>
          </cell>
        </row>
        <row r="21">
          <cell r="AF21">
            <v>27</v>
          </cell>
        </row>
        <row r="22">
          <cell r="AF22">
            <v>27</v>
          </cell>
        </row>
        <row r="23">
          <cell r="AF23">
            <v>27</v>
          </cell>
        </row>
        <row r="24">
          <cell r="AF24">
            <v>27</v>
          </cell>
        </row>
        <row r="25">
          <cell r="AF25">
            <v>27</v>
          </cell>
        </row>
        <row r="26">
          <cell r="AF26">
            <v>27</v>
          </cell>
        </row>
        <row r="27">
          <cell r="AF27">
            <v>27</v>
          </cell>
        </row>
        <row r="28">
          <cell r="AF28">
            <v>27</v>
          </cell>
        </row>
        <row r="29">
          <cell r="AF29">
            <v>27</v>
          </cell>
        </row>
        <row r="30">
          <cell r="AF30">
            <v>27</v>
          </cell>
        </row>
        <row r="31">
          <cell r="AF31">
            <v>27</v>
          </cell>
        </row>
        <row r="32">
          <cell r="AF32">
            <v>27</v>
          </cell>
        </row>
        <row r="33">
          <cell r="AF33">
            <v>27</v>
          </cell>
        </row>
        <row r="34">
          <cell r="AF34">
            <v>27</v>
          </cell>
        </row>
        <row r="35">
          <cell r="AF35">
            <v>27</v>
          </cell>
        </row>
        <row r="36">
          <cell r="AF36">
            <v>27</v>
          </cell>
        </row>
        <row r="37">
          <cell r="AF37">
            <v>27</v>
          </cell>
        </row>
        <row r="38">
          <cell r="AF38">
            <v>27</v>
          </cell>
        </row>
        <row r="39">
          <cell r="AF39">
            <v>27</v>
          </cell>
        </row>
        <row r="40">
          <cell r="AF40">
            <v>27</v>
          </cell>
        </row>
        <row r="41">
          <cell r="AF41">
            <v>27</v>
          </cell>
        </row>
        <row r="42">
          <cell r="AF42">
            <v>27</v>
          </cell>
        </row>
        <row r="43">
          <cell r="AF43">
            <v>27</v>
          </cell>
        </row>
        <row r="44">
          <cell r="AF44">
            <v>27</v>
          </cell>
        </row>
        <row r="45">
          <cell r="AF45">
            <v>27</v>
          </cell>
        </row>
        <row r="46">
          <cell r="AF46">
            <v>27</v>
          </cell>
        </row>
        <row r="47">
          <cell r="AF47">
            <v>27</v>
          </cell>
        </row>
        <row r="48">
          <cell r="AF48">
            <v>27</v>
          </cell>
        </row>
        <row r="49">
          <cell r="AF49">
            <v>27</v>
          </cell>
        </row>
        <row r="50">
          <cell r="AF50">
            <v>27</v>
          </cell>
        </row>
        <row r="51">
          <cell r="AF51">
            <v>27</v>
          </cell>
        </row>
        <row r="52">
          <cell r="AF52">
            <v>27</v>
          </cell>
        </row>
        <row r="53">
          <cell r="AF53">
            <v>27</v>
          </cell>
        </row>
        <row r="54">
          <cell r="AF54">
            <v>27</v>
          </cell>
        </row>
        <row r="55">
          <cell r="AF55">
            <v>27</v>
          </cell>
        </row>
        <row r="56">
          <cell r="AF56">
            <v>27</v>
          </cell>
        </row>
        <row r="57">
          <cell r="AF57">
            <v>27</v>
          </cell>
        </row>
        <row r="58">
          <cell r="AF58">
            <v>27</v>
          </cell>
        </row>
        <row r="59">
          <cell r="AF59">
            <v>27</v>
          </cell>
        </row>
        <row r="60">
          <cell r="AF60">
            <v>27</v>
          </cell>
        </row>
        <row r="61">
          <cell r="AF61">
            <v>27</v>
          </cell>
        </row>
        <row r="62">
          <cell r="AF62">
            <v>27</v>
          </cell>
        </row>
        <row r="63">
          <cell r="AF63">
            <v>27</v>
          </cell>
        </row>
        <row r="64">
          <cell r="AF64">
            <v>27</v>
          </cell>
        </row>
      </sheetData>
      <sheetData sheetId="2"/>
      <sheetData sheetId="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enu"/>
      <sheetName val="Data_Entry_Clientes"/>
      <sheetName val="Datos_Maestros"/>
    </sheetNames>
    <sheetDataSet>
      <sheetData sheetId="0" refreshError="1"/>
      <sheetData sheetId="1" refreshError="1"/>
      <sheetData sheetId="2">
        <row r="3">
          <cell r="C3" t="str">
            <v>KEY</v>
          </cell>
          <cell r="G3" t="str">
            <v>KEY</v>
          </cell>
          <cell r="K3" t="str">
            <v>KEY</v>
          </cell>
          <cell r="O3" t="str">
            <v>KEY</v>
          </cell>
          <cell r="S3" t="str">
            <v>KEY</v>
          </cell>
          <cell r="W3" t="str">
            <v>KEY</v>
          </cell>
          <cell r="AA3" t="str">
            <v>KEY</v>
          </cell>
          <cell r="AE3" t="str">
            <v>KEY</v>
          </cell>
          <cell r="AK3" t="str">
            <v>COD_PROVINCIA</v>
          </cell>
          <cell r="AM3" t="str">
            <v>COD_CANTON</v>
          </cell>
          <cell r="AO3" t="str">
            <v>KEY_PROV</v>
          </cell>
          <cell r="AP3" t="str">
            <v>KEY_CANTON</v>
          </cell>
          <cell r="AR3" t="str">
            <v>COD_CANTON</v>
          </cell>
          <cell r="AW3" t="str">
            <v>KEY_DISTRITO</v>
          </cell>
          <cell r="AY3" t="str">
            <v>CODIGO</v>
          </cell>
          <cell r="BA3" t="str">
            <v>LONG_MIN</v>
          </cell>
          <cell r="BB3" t="str">
            <v>LONG_MAX</v>
          </cell>
        </row>
        <row r="4">
          <cell r="A4" t="str">
            <v>01</v>
          </cell>
          <cell r="E4" t="str">
            <v xml:space="preserve">AD  </v>
          </cell>
          <cell r="I4" t="str">
            <v>000</v>
          </cell>
          <cell r="M4">
            <v>0</v>
          </cell>
          <cell r="S4" t="str">
            <v>M - Masculino</v>
          </cell>
          <cell r="U4" t="str">
            <v>CRC</v>
          </cell>
          <cell r="Y4">
            <v>1</v>
          </cell>
          <cell r="AC4">
            <v>1</v>
          </cell>
          <cell r="AK4">
            <v>1</v>
          </cell>
          <cell r="AM4">
            <v>1</v>
          </cell>
          <cell r="AO4" t="str">
            <v>1 - SAN JOSE</v>
          </cell>
          <cell r="AR4">
            <v>1</v>
          </cell>
          <cell r="AY4" t="str">
            <v>01</v>
          </cell>
        </row>
        <row r="5">
          <cell r="A5" t="str">
            <v>03</v>
          </cell>
          <cell r="E5" t="str">
            <v xml:space="preserve">AE  </v>
          </cell>
          <cell r="I5" t="str">
            <v>001</v>
          </cell>
          <cell r="M5">
            <v>1</v>
          </cell>
          <cell r="S5" t="str">
            <v>F - Femenino</v>
          </cell>
          <cell r="U5" t="str">
            <v>USD</v>
          </cell>
          <cell r="Y5">
            <v>2</v>
          </cell>
          <cell r="AC5">
            <v>2</v>
          </cell>
          <cell r="AK5">
            <v>1</v>
          </cell>
          <cell r="AM5">
            <v>2</v>
          </cell>
          <cell r="AO5" t="str">
            <v>1 - SAN JOSE</v>
          </cell>
          <cell r="AR5">
            <v>1</v>
          </cell>
          <cell r="AY5" t="str">
            <v>03</v>
          </cell>
        </row>
        <row r="6">
          <cell r="A6" t="str">
            <v>04</v>
          </cell>
          <cell r="E6" t="str">
            <v xml:space="preserve">AF  </v>
          </cell>
          <cell r="I6" t="str">
            <v>002</v>
          </cell>
          <cell r="M6">
            <v>2</v>
          </cell>
          <cell r="Y6">
            <v>3</v>
          </cell>
          <cell r="AC6">
            <v>3</v>
          </cell>
          <cell r="AK6">
            <v>1</v>
          </cell>
          <cell r="AM6">
            <v>3</v>
          </cell>
          <cell r="AO6" t="str">
            <v>1 - SAN JOSE</v>
          </cell>
          <cell r="AR6">
            <v>1</v>
          </cell>
          <cell r="AY6" t="str">
            <v>04</v>
          </cell>
        </row>
        <row r="7">
          <cell r="A7" t="str">
            <v>05</v>
          </cell>
          <cell r="E7" t="str">
            <v xml:space="preserve">AG  </v>
          </cell>
          <cell r="I7" t="str">
            <v>003</v>
          </cell>
          <cell r="M7">
            <v>3</v>
          </cell>
          <cell r="Y7">
            <v>4</v>
          </cell>
          <cell r="AC7">
            <v>4</v>
          </cell>
          <cell r="AK7">
            <v>1</v>
          </cell>
          <cell r="AM7">
            <v>4</v>
          </cell>
          <cell r="AO7" t="str">
            <v>1 - SAN JOSE</v>
          </cell>
          <cell r="AR7">
            <v>1</v>
          </cell>
          <cell r="AY7" t="str">
            <v>05</v>
          </cell>
        </row>
        <row r="8">
          <cell r="A8" t="str">
            <v>06</v>
          </cell>
          <cell r="E8" t="str">
            <v xml:space="preserve">AI  </v>
          </cell>
          <cell r="I8" t="str">
            <v>004</v>
          </cell>
          <cell r="M8">
            <v>4</v>
          </cell>
          <cell r="Y8">
            <v>5</v>
          </cell>
          <cell r="AC8">
            <v>5</v>
          </cell>
          <cell r="AK8">
            <v>1</v>
          </cell>
          <cell r="AM8">
            <v>5</v>
          </cell>
          <cell r="AO8" t="str">
            <v>1 - SAN JOSE</v>
          </cell>
          <cell r="AR8">
            <v>1</v>
          </cell>
          <cell r="AY8" t="str">
            <v>06</v>
          </cell>
        </row>
        <row r="9">
          <cell r="A9" t="str">
            <v>07</v>
          </cell>
          <cell r="E9" t="str">
            <v xml:space="preserve">AL  </v>
          </cell>
          <cell r="I9" t="str">
            <v>005</v>
          </cell>
          <cell r="M9">
            <v>5</v>
          </cell>
          <cell r="Y9">
            <v>6</v>
          </cell>
          <cell r="AC9">
            <v>6</v>
          </cell>
          <cell r="AK9">
            <v>1</v>
          </cell>
          <cell r="AM9">
            <v>6</v>
          </cell>
          <cell r="AO9" t="str">
            <v>1 - SAN JOSE</v>
          </cell>
          <cell r="AR9">
            <v>1</v>
          </cell>
          <cell r="AY9" t="str">
            <v>07</v>
          </cell>
        </row>
        <row r="10">
          <cell r="A10" t="str">
            <v>08</v>
          </cell>
          <cell r="E10" t="str">
            <v xml:space="preserve">AM  </v>
          </cell>
          <cell r="I10" t="str">
            <v>006</v>
          </cell>
          <cell r="Y10">
            <v>7</v>
          </cell>
          <cell r="AC10">
            <v>7</v>
          </cell>
          <cell r="AK10">
            <v>1</v>
          </cell>
          <cell r="AM10">
            <v>7</v>
          </cell>
          <cell r="AO10" t="str">
            <v>1 - SAN JOSE</v>
          </cell>
          <cell r="AR10">
            <v>1</v>
          </cell>
          <cell r="AY10" t="str">
            <v>08</v>
          </cell>
        </row>
        <row r="11">
          <cell r="A11" t="str">
            <v>09</v>
          </cell>
          <cell r="E11" t="str">
            <v xml:space="preserve">AN  </v>
          </cell>
          <cell r="I11" t="str">
            <v>007</v>
          </cell>
          <cell r="Y11">
            <v>9999</v>
          </cell>
          <cell r="AC11">
            <v>8</v>
          </cell>
          <cell r="AK11">
            <v>1</v>
          </cell>
          <cell r="AM11">
            <v>8</v>
          </cell>
          <cell r="AO11" t="str">
            <v>1 - SAN JOSE</v>
          </cell>
          <cell r="AR11">
            <v>1</v>
          </cell>
          <cell r="AY11" t="str">
            <v>09</v>
          </cell>
        </row>
        <row r="12">
          <cell r="A12">
            <v>10</v>
          </cell>
          <cell r="E12" t="str">
            <v xml:space="preserve">AO  </v>
          </cell>
          <cell r="I12" t="str">
            <v>008</v>
          </cell>
          <cell r="AC12">
            <v>9</v>
          </cell>
          <cell r="AK12">
            <v>1</v>
          </cell>
          <cell r="AM12">
            <v>9</v>
          </cell>
          <cell r="AO12" t="str">
            <v>1 - SAN JOSE</v>
          </cell>
          <cell r="AR12">
            <v>1</v>
          </cell>
          <cell r="AY12" t="str">
            <v>10</v>
          </cell>
        </row>
        <row r="13">
          <cell r="E13" t="str">
            <v xml:space="preserve">AQ  </v>
          </cell>
          <cell r="I13" t="str">
            <v>009</v>
          </cell>
          <cell r="AC13">
            <v>10</v>
          </cell>
          <cell r="AK13">
            <v>1</v>
          </cell>
          <cell r="AM13">
            <v>10</v>
          </cell>
          <cell r="AO13" t="str">
            <v>1 - SAN JOSE</v>
          </cell>
          <cell r="AR13">
            <v>1</v>
          </cell>
        </row>
        <row r="14">
          <cell r="E14" t="str">
            <v xml:space="preserve">AR  </v>
          </cell>
          <cell r="I14" t="str">
            <v>010</v>
          </cell>
          <cell r="AC14">
            <v>11</v>
          </cell>
          <cell r="AK14">
            <v>1</v>
          </cell>
          <cell r="AM14">
            <v>11</v>
          </cell>
          <cell r="AO14" t="str">
            <v>1 - SAN JOSE</v>
          </cell>
          <cell r="AR14">
            <v>2</v>
          </cell>
        </row>
        <row r="15">
          <cell r="E15" t="str">
            <v xml:space="preserve">AS  </v>
          </cell>
          <cell r="I15" t="str">
            <v>011</v>
          </cell>
          <cell r="AC15">
            <v>12</v>
          </cell>
          <cell r="AK15">
            <v>1</v>
          </cell>
          <cell r="AM15">
            <v>12</v>
          </cell>
          <cell r="AO15" t="str">
            <v>1 - SAN JOSE</v>
          </cell>
          <cell r="AR15">
            <v>2</v>
          </cell>
        </row>
        <row r="16">
          <cell r="E16" t="str">
            <v xml:space="preserve">AT  </v>
          </cell>
          <cell r="I16" t="str">
            <v>012</v>
          </cell>
          <cell r="AC16">
            <v>13</v>
          </cell>
          <cell r="AK16">
            <v>1</v>
          </cell>
          <cell r="AM16">
            <v>13</v>
          </cell>
          <cell r="AO16" t="str">
            <v>1 - SAN JOSE</v>
          </cell>
          <cell r="AR16">
            <v>2</v>
          </cell>
        </row>
        <row r="17">
          <cell r="E17" t="str">
            <v xml:space="preserve">AU  </v>
          </cell>
          <cell r="I17" t="str">
            <v>013</v>
          </cell>
          <cell r="AC17">
            <v>14</v>
          </cell>
          <cell r="AK17">
            <v>1</v>
          </cell>
          <cell r="AM17">
            <v>14</v>
          </cell>
          <cell r="AO17" t="str">
            <v>1 - SAN JOSE</v>
          </cell>
          <cell r="AR17">
            <v>3</v>
          </cell>
        </row>
        <row r="18">
          <cell r="E18" t="str">
            <v xml:space="preserve">AW  </v>
          </cell>
          <cell r="I18" t="str">
            <v>014</v>
          </cell>
          <cell r="AC18">
            <v>15</v>
          </cell>
          <cell r="AK18">
            <v>1</v>
          </cell>
          <cell r="AM18">
            <v>15</v>
          </cell>
          <cell r="AO18" t="str">
            <v>1 - SAN JOSE</v>
          </cell>
          <cell r="AR18">
            <v>3</v>
          </cell>
        </row>
        <row r="19">
          <cell r="E19" t="str">
            <v xml:space="preserve">AX  </v>
          </cell>
          <cell r="I19" t="str">
            <v>015</v>
          </cell>
          <cell r="AC19">
            <v>16</v>
          </cell>
          <cell r="AK19">
            <v>1</v>
          </cell>
          <cell r="AM19">
            <v>16</v>
          </cell>
          <cell r="AO19" t="str">
            <v>1 - SAN JOSE</v>
          </cell>
          <cell r="AR19">
            <v>3</v>
          </cell>
        </row>
        <row r="20">
          <cell r="E20" t="str">
            <v xml:space="preserve">AZ  </v>
          </cell>
          <cell r="I20" t="str">
            <v>016</v>
          </cell>
          <cell r="AC20">
            <v>17</v>
          </cell>
          <cell r="AK20">
            <v>1</v>
          </cell>
          <cell r="AM20">
            <v>17</v>
          </cell>
          <cell r="AO20" t="str">
            <v>1 - SAN JOSE</v>
          </cell>
          <cell r="AR20">
            <v>3</v>
          </cell>
        </row>
        <row r="21">
          <cell r="E21" t="str">
            <v xml:space="preserve">BA  </v>
          </cell>
          <cell r="I21" t="str">
            <v>017</v>
          </cell>
          <cell r="AC21">
            <v>18</v>
          </cell>
          <cell r="AK21">
            <v>1</v>
          </cell>
          <cell r="AM21">
            <v>18</v>
          </cell>
          <cell r="AO21" t="str">
            <v>1 - SAN JOSE</v>
          </cell>
          <cell r="AR21">
            <v>3</v>
          </cell>
        </row>
        <row r="22">
          <cell r="E22" t="str">
            <v xml:space="preserve">BB  </v>
          </cell>
          <cell r="I22" t="str">
            <v>018</v>
          </cell>
          <cell r="AC22">
            <v>19</v>
          </cell>
          <cell r="AK22">
            <v>1</v>
          </cell>
          <cell r="AM22">
            <v>19</v>
          </cell>
          <cell r="AO22" t="str">
            <v>1 - SAN JOSE</v>
          </cell>
          <cell r="AR22">
            <v>3</v>
          </cell>
        </row>
        <row r="23">
          <cell r="E23" t="str">
            <v xml:space="preserve">BD  </v>
          </cell>
          <cell r="I23" t="str">
            <v>019</v>
          </cell>
          <cell r="AC23">
            <v>20</v>
          </cell>
          <cell r="AK23">
            <v>1</v>
          </cell>
          <cell r="AM23">
            <v>20</v>
          </cell>
          <cell r="AO23" t="str">
            <v>1 - SAN JOSE</v>
          </cell>
          <cell r="AR23">
            <v>3</v>
          </cell>
        </row>
        <row r="24">
          <cell r="E24" t="str">
            <v xml:space="preserve">BE  </v>
          </cell>
          <cell r="I24" t="str">
            <v>020</v>
          </cell>
          <cell r="AC24">
            <v>21</v>
          </cell>
          <cell r="AK24">
            <v>2</v>
          </cell>
          <cell r="AM24">
            <v>21</v>
          </cell>
          <cell r="AO24" t="str">
            <v>2 - ALAJUELA</v>
          </cell>
          <cell r="AR24">
            <v>3</v>
          </cell>
        </row>
        <row r="25">
          <cell r="E25" t="str">
            <v xml:space="preserve">BF  </v>
          </cell>
          <cell r="I25" t="str">
            <v>021</v>
          </cell>
          <cell r="AC25">
            <v>22</v>
          </cell>
          <cell r="AK25">
            <v>2</v>
          </cell>
          <cell r="AM25">
            <v>22</v>
          </cell>
          <cell r="AO25" t="str">
            <v>2 - ALAJUELA</v>
          </cell>
          <cell r="AR25">
            <v>3</v>
          </cell>
        </row>
        <row r="26">
          <cell r="E26" t="str">
            <v xml:space="preserve">BG  </v>
          </cell>
          <cell r="I26" t="str">
            <v>022</v>
          </cell>
          <cell r="AC26">
            <v>23</v>
          </cell>
          <cell r="AK26">
            <v>2</v>
          </cell>
          <cell r="AM26">
            <v>23</v>
          </cell>
          <cell r="AO26" t="str">
            <v>2 - ALAJUELA</v>
          </cell>
          <cell r="AR26">
            <v>3</v>
          </cell>
        </row>
        <row r="27">
          <cell r="E27" t="str">
            <v xml:space="preserve">BH  </v>
          </cell>
          <cell r="I27" t="str">
            <v>023</v>
          </cell>
          <cell r="AC27">
            <v>24</v>
          </cell>
          <cell r="AK27">
            <v>2</v>
          </cell>
          <cell r="AM27">
            <v>24</v>
          </cell>
          <cell r="AO27" t="str">
            <v>2 - ALAJUELA</v>
          </cell>
          <cell r="AR27">
            <v>3</v>
          </cell>
        </row>
        <row r="28">
          <cell r="E28" t="str">
            <v xml:space="preserve">BI  </v>
          </cell>
          <cell r="I28" t="str">
            <v>024</v>
          </cell>
          <cell r="AC28">
            <v>25</v>
          </cell>
          <cell r="AK28">
            <v>2</v>
          </cell>
          <cell r="AM28">
            <v>25</v>
          </cell>
          <cell r="AO28" t="str">
            <v>2 - ALAJUELA</v>
          </cell>
          <cell r="AR28">
            <v>3</v>
          </cell>
        </row>
        <row r="29">
          <cell r="E29" t="str">
            <v xml:space="preserve">BJ  </v>
          </cell>
          <cell r="I29" t="str">
            <v>025</v>
          </cell>
          <cell r="AC29">
            <v>26</v>
          </cell>
          <cell r="AK29">
            <v>2</v>
          </cell>
          <cell r="AM29">
            <v>26</v>
          </cell>
          <cell r="AO29" t="str">
            <v>2 - ALAJUELA</v>
          </cell>
          <cell r="AR29">
            <v>3</v>
          </cell>
        </row>
        <row r="30">
          <cell r="E30" t="str">
            <v xml:space="preserve">BM  </v>
          </cell>
          <cell r="I30" t="str">
            <v>026</v>
          </cell>
          <cell r="AC30">
            <v>27</v>
          </cell>
          <cell r="AK30">
            <v>2</v>
          </cell>
          <cell r="AM30">
            <v>27</v>
          </cell>
          <cell r="AO30" t="str">
            <v>2 - ALAJUELA</v>
          </cell>
          <cell r="AR30">
            <v>4</v>
          </cell>
        </row>
        <row r="31">
          <cell r="E31" t="str">
            <v xml:space="preserve">BN  </v>
          </cell>
          <cell r="I31" t="str">
            <v>027</v>
          </cell>
          <cell r="AC31">
            <v>28</v>
          </cell>
          <cell r="AK31">
            <v>2</v>
          </cell>
          <cell r="AM31">
            <v>28</v>
          </cell>
          <cell r="AO31" t="str">
            <v>2 - ALAJUELA</v>
          </cell>
          <cell r="AR31">
            <v>4</v>
          </cell>
        </row>
        <row r="32">
          <cell r="E32" t="str">
            <v xml:space="preserve">BO  </v>
          </cell>
          <cell r="I32" t="str">
            <v>028</v>
          </cell>
          <cell r="AC32">
            <v>29</v>
          </cell>
          <cell r="AK32">
            <v>2</v>
          </cell>
          <cell r="AM32">
            <v>29</v>
          </cell>
          <cell r="AO32" t="str">
            <v>2 - ALAJUELA</v>
          </cell>
          <cell r="AR32">
            <v>4</v>
          </cell>
        </row>
        <row r="33">
          <cell r="E33" t="str">
            <v xml:space="preserve">BR  </v>
          </cell>
          <cell r="I33" t="str">
            <v>029</v>
          </cell>
          <cell r="AC33">
            <v>30</v>
          </cell>
          <cell r="AK33">
            <v>2</v>
          </cell>
          <cell r="AM33">
            <v>30</v>
          </cell>
          <cell r="AO33" t="str">
            <v>2 - ALAJUELA</v>
          </cell>
          <cell r="AR33">
            <v>4</v>
          </cell>
        </row>
        <row r="34">
          <cell r="E34" t="str">
            <v xml:space="preserve">BS  </v>
          </cell>
          <cell r="I34" t="str">
            <v>030</v>
          </cell>
          <cell r="AC34">
            <v>31</v>
          </cell>
          <cell r="AK34">
            <v>2</v>
          </cell>
          <cell r="AM34">
            <v>31</v>
          </cell>
          <cell r="AO34" t="str">
            <v>2 - ALAJUELA</v>
          </cell>
          <cell r="AR34">
            <v>4</v>
          </cell>
        </row>
        <row r="35">
          <cell r="E35" t="str">
            <v xml:space="preserve">BT  </v>
          </cell>
          <cell r="I35" t="str">
            <v>031</v>
          </cell>
          <cell r="AC35">
            <v>32</v>
          </cell>
          <cell r="AK35">
            <v>2</v>
          </cell>
          <cell r="AM35">
            <v>32</v>
          </cell>
          <cell r="AO35" t="str">
            <v>2 - ALAJUELA</v>
          </cell>
          <cell r="AR35">
            <v>4</v>
          </cell>
        </row>
        <row r="36">
          <cell r="E36" t="str">
            <v xml:space="preserve">BU  </v>
          </cell>
          <cell r="I36" t="str">
            <v>032</v>
          </cell>
          <cell r="AC36">
            <v>33</v>
          </cell>
          <cell r="AK36">
            <v>2</v>
          </cell>
          <cell r="AM36">
            <v>33</v>
          </cell>
          <cell r="AO36" t="str">
            <v>2 - ALAJUELA</v>
          </cell>
          <cell r="AR36">
            <v>4</v>
          </cell>
        </row>
        <row r="37">
          <cell r="E37" t="str">
            <v xml:space="preserve">BV  </v>
          </cell>
          <cell r="I37" t="str">
            <v>033</v>
          </cell>
          <cell r="AC37">
            <v>34</v>
          </cell>
          <cell r="AK37">
            <v>2</v>
          </cell>
          <cell r="AM37">
            <v>34</v>
          </cell>
          <cell r="AO37" t="str">
            <v>2 - ALAJUELA</v>
          </cell>
          <cell r="AR37">
            <v>4</v>
          </cell>
        </row>
        <row r="38">
          <cell r="E38" t="str">
            <v xml:space="preserve">BW  </v>
          </cell>
          <cell r="I38" t="str">
            <v>034</v>
          </cell>
          <cell r="AC38">
            <v>35</v>
          </cell>
          <cell r="AK38">
            <v>2</v>
          </cell>
          <cell r="AM38">
            <v>35</v>
          </cell>
          <cell r="AO38" t="str">
            <v>2 - ALAJUELA</v>
          </cell>
          <cell r="AR38">
            <v>4</v>
          </cell>
        </row>
        <row r="39">
          <cell r="E39" t="str">
            <v xml:space="preserve">BY  </v>
          </cell>
          <cell r="I39" t="str">
            <v>035</v>
          </cell>
          <cell r="AC39">
            <v>36</v>
          </cell>
          <cell r="AK39">
            <v>3</v>
          </cell>
          <cell r="AM39">
            <v>36</v>
          </cell>
          <cell r="AO39" t="str">
            <v>3 - CARTAGO</v>
          </cell>
          <cell r="AR39">
            <v>5</v>
          </cell>
        </row>
        <row r="40">
          <cell r="E40" t="str">
            <v xml:space="preserve">BZ  </v>
          </cell>
          <cell r="I40" t="str">
            <v>036</v>
          </cell>
          <cell r="AC40">
            <v>37</v>
          </cell>
          <cell r="AK40">
            <v>3</v>
          </cell>
          <cell r="AM40">
            <v>37</v>
          </cell>
          <cell r="AO40" t="str">
            <v>3 - CARTAGO</v>
          </cell>
          <cell r="AR40">
            <v>5</v>
          </cell>
        </row>
        <row r="41">
          <cell r="E41" t="str">
            <v xml:space="preserve">CA  </v>
          </cell>
          <cell r="I41" t="str">
            <v>037</v>
          </cell>
          <cell r="AC41">
            <v>38</v>
          </cell>
          <cell r="AK41">
            <v>3</v>
          </cell>
          <cell r="AM41">
            <v>38</v>
          </cell>
          <cell r="AO41" t="str">
            <v>3 - CARTAGO</v>
          </cell>
          <cell r="AR41">
            <v>5</v>
          </cell>
        </row>
        <row r="42">
          <cell r="E42" t="str">
            <v xml:space="preserve">CC  </v>
          </cell>
          <cell r="I42" t="str">
            <v>038</v>
          </cell>
          <cell r="AC42">
            <v>39</v>
          </cell>
          <cell r="AK42">
            <v>3</v>
          </cell>
          <cell r="AM42">
            <v>40</v>
          </cell>
          <cell r="AO42" t="str">
            <v>3 - CARTAGO</v>
          </cell>
          <cell r="AR42">
            <v>6</v>
          </cell>
        </row>
        <row r="43">
          <cell r="E43" t="str">
            <v xml:space="preserve">CD  </v>
          </cell>
          <cell r="I43" t="str">
            <v>039</v>
          </cell>
          <cell r="AC43">
            <v>40</v>
          </cell>
          <cell r="AK43">
            <v>3</v>
          </cell>
          <cell r="AM43">
            <v>41</v>
          </cell>
          <cell r="AO43" t="str">
            <v>3 - CARTAGO</v>
          </cell>
          <cell r="AR43">
            <v>6</v>
          </cell>
        </row>
        <row r="44">
          <cell r="E44" t="str">
            <v xml:space="preserve">CF  </v>
          </cell>
          <cell r="I44" t="str">
            <v>040</v>
          </cell>
          <cell r="AC44">
            <v>41</v>
          </cell>
          <cell r="AK44">
            <v>3</v>
          </cell>
          <cell r="AM44">
            <v>42</v>
          </cell>
          <cell r="AO44" t="str">
            <v>3 - CARTAGO</v>
          </cell>
          <cell r="AR44">
            <v>6</v>
          </cell>
        </row>
        <row r="45">
          <cell r="E45" t="str">
            <v xml:space="preserve">CG  </v>
          </cell>
          <cell r="I45" t="str">
            <v>041</v>
          </cell>
          <cell r="AC45">
            <v>42</v>
          </cell>
          <cell r="AK45">
            <v>3</v>
          </cell>
          <cell r="AM45">
            <v>43</v>
          </cell>
          <cell r="AO45" t="str">
            <v>3 - CARTAGO</v>
          </cell>
          <cell r="AR45">
            <v>6</v>
          </cell>
        </row>
        <row r="46">
          <cell r="E46" t="str">
            <v xml:space="preserve">CH  </v>
          </cell>
          <cell r="I46" t="str">
            <v>042</v>
          </cell>
          <cell r="AC46">
            <v>43</v>
          </cell>
          <cell r="AK46">
            <v>4</v>
          </cell>
          <cell r="AM46">
            <v>44</v>
          </cell>
          <cell r="AO46" t="str">
            <v>4 - HEREDIA</v>
          </cell>
          <cell r="AR46">
            <v>6</v>
          </cell>
        </row>
        <row r="47">
          <cell r="E47" t="str">
            <v xml:space="preserve">CI  </v>
          </cell>
          <cell r="I47" t="str">
            <v>043</v>
          </cell>
          <cell r="AC47">
            <v>44</v>
          </cell>
          <cell r="AK47">
            <v>4</v>
          </cell>
          <cell r="AM47">
            <v>45</v>
          </cell>
          <cell r="AO47" t="str">
            <v>4 - HEREDIA</v>
          </cell>
          <cell r="AR47">
            <v>6</v>
          </cell>
        </row>
        <row r="48">
          <cell r="E48" t="str">
            <v xml:space="preserve">CK  </v>
          </cell>
          <cell r="I48" t="str">
            <v>044</v>
          </cell>
          <cell r="AC48">
            <v>45</v>
          </cell>
          <cell r="AK48">
            <v>4</v>
          </cell>
          <cell r="AM48">
            <v>46</v>
          </cell>
          <cell r="AO48" t="str">
            <v>4 - HEREDIA</v>
          </cell>
          <cell r="AR48">
            <v>6</v>
          </cell>
        </row>
        <row r="49">
          <cell r="E49" t="str">
            <v xml:space="preserve">CL  </v>
          </cell>
          <cell r="I49" t="str">
            <v>045</v>
          </cell>
          <cell r="AC49">
            <v>46</v>
          </cell>
          <cell r="AK49">
            <v>4</v>
          </cell>
          <cell r="AM49">
            <v>47</v>
          </cell>
          <cell r="AO49" t="str">
            <v>4 - HEREDIA</v>
          </cell>
          <cell r="AR49">
            <v>7</v>
          </cell>
        </row>
        <row r="50">
          <cell r="E50" t="str">
            <v xml:space="preserve">CM  </v>
          </cell>
          <cell r="I50" t="str">
            <v>046</v>
          </cell>
          <cell r="AC50">
            <v>47</v>
          </cell>
          <cell r="AK50">
            <v>4</v>
          </cell>
          <cell r="AM50">
            <v>48</v>
          </cell>
          <cell r="AO50" t="str">
            <v>4 - HEREDIA</v>
          </cell>
          <cell r="AR50">
            <v>7</v>
          </cell>
        </row>
        <row r="51">
          <cell r="E51" t="str">
            <v xml:space="preserve">CN  </v>
          </cell>
          <cell r="I51" t="str">
            <v>047</v>
          </cell>
          <cell r="AC51">
            <v>48</v>
          </cell>
          <cell r="AK51">
            <v>4</v>
          </cell>
          <cell r="AM51">
            <v>49</v>
          </cell>
          <cell r="AO51" t="str">
            <v>4 - HEREDIA</v>
          </cell>
          <cell r="AR51">
            <v>7</v>
          </cell>
        </row>
        <row r="52">
          <cell r="E52" t="str">
            <v xml:space="preserve">CO  </v>
          </cell>
          <cell r="I52" t="str">
            <v>048</v>
          </cell>
          <cell r="AC52">
            <v>49</v>
          </cell>
          <cell r="AK52">
            <v>4</v>
          </cell>
          <cell r="AM52">
            <v>50</v>
          </cell>
          <cell r="AO52" t="str">
            <v>4 - HEREDIA</v>
          </cell>
          <cell r="AR52">
            <v>7</v>
          </cell>
        </row>
        <row r="53">
          <cell r="E53" t="str">
            <v xml:space="preserve">CR  </v>
          </cell>
          <cell r="I53" t="str">
            <v>049</v>
          </cell>
          <cell r="AC53">
            <v>50</v>
          </cell>
          <cell r="AK53">
            <v>4</v>
          </cell>
          <cell r="AM53">
            <v>51</v>
          </cell>
          <cell r="AO53" t="str">
            <v>4 - HEREDIA</v>
          </cell>
          <cell r="AR53">
            <v>7</v>
          </cell>
        </row>
        <row r="54">
          <cell r="E54" t="str">
            <v xml:space="preserve">CS  </v>
          </cell>
          <cell r="I54" t="str">
            <v>050</v>
          </cell>
          <cell r="AC54">
            <v>51</v>
          </cell>
          <cell r="AK54">
            <v>4</v>
          </cell>
          <cell r="AM54">
            <v>52</v>
          </cell>
          <cell r="AO54" t="str">
            <v>4 - HEREDIA</v>
          </cell>
          <cell r="AR54">
            <v>8</v>
          </cell>
        </row>
        <row r="55">
          <cell r="E55" t="str">
            <v xml:space="preserve">CU  </v>
          </cell>
          <cell r="I55" t="str">
            <v>051</v>
          </cell>
          <cell r="AC55">
            <v>52</v>
          </cell>
          <cell r="AK55">
            <v>4</v>
          </cell>
          <cell r="AM55">
            <v>53</v>
          </cell>
          <cell r="AO55" t="str">
            <v>4 - HEREDIA</v>
          </cell>
          <cell r="AR55">
            <v>8</v>
          </cell>
        </row>
        <row r="56">
          <cell r="E56" t="str">
            <v xml:space="preserve">CV  </v>
          </cell>
          <cell r="I56" t="str">
            <v>052</v>
          </cell>
          <cell r="AC56">
            <v>53</v>
          </cell>
          <cell r="AK56">
            <v>5</v>
          </cell>
          <cell r="AM56">
            <v>54</v>
          </cell>
          <cell r="AO56" t="str">
            <v>5 - GUANACASTE</v>
          </cell>
          <cell r="AR56">
            <v>8</v>
          </cell>
        </row>
        <row r="57">
          <cell r="E57" t="str">
            <v xml:space="preserve">CX  </v>
          </cell>
          <cell r="I57" t="str">
            <v>053</v>
          </cell>
          <cell r="AC57">
            <v>54</v>
          </cell>
          <cell r="AK57">
            <v>5</v>
          </cell>
          <cell r="AM57">
            <v>55</v>
          </cell>
          <cell r="AO57" t="str">
            <v>5 - GUANACASTE</v>
          </cell>
          <cell r="AR57">
            <v>8</v>
          </cell>
        </row>
        <row r="58">
          <cell r="E58" t="str">
            <v xml:space="preserve">CY  </v>
          </cell>
          <cell r="I58" t="str">
            <v>054</v>
          </cell>
          <cell r="AC58">
            <v>55</v>
          </cell>
          <cell r="AK58">
            <v>5</v>
          </cell>
          <cell r="AM58">
            <v>56</v>
          </cell>
          <cell r="AO58" t="str">
            <v>5 - GUANACASTE</v>
          </cell>
          <cell r="AR58">
            <v>8</v>
          </cell>
        </row>
        <row r="59">
          <cell r="E59" t="str">
            <v xml:space="preserve">CZ  </v>
          </cell>
          <cell r="I59" t="str">
            <v>055</v>
          </cell>
          <cell r="AC59">
            <v>56</v>
          </cell>
          <cell r="AK59">
            <v>5</v>
          </cell>
          <cell r="AM59">
            <v>57</v>
          </cell>
          <cell r="AO59" t="str">
            <v>5 - GUANACASTE</v>
          </cell>
          <cell r="AR59">
            <v>8</v>
          </cell>
        </row>
        <row r="60">
          <cell r="E60" t="str">
            <v xml:space="preserve">DD  </v>
          </cell>
          <cell r="I60" t="str">
            <v>056</v>
          </cell>
          <cell r="AC60">
            <v>57</v>
          </cell>
          <cell r="AK60">
            <v>5</v>
          </cell>
          <cell r="AM60">
            <v>58</v>
          </cell>
          <cell r="AO60" t="str">
            <v>5 - GUANACASTE</v>
          </cell>
          <cell r="AR60">
            <v>8</v>
          </cell>
        </row>
        <row r="61">
          <cell r="E61" t="str">
            <v xml:space="preserve">DE  </v>
          </cell>
          <cell r="I61" t="str">
            <v>057</v>
          </cell>
          <cell r="AC61">
            <v>58</v>
          </cell>
          <cell r="AK61">
            <v>5</v>
          </cell>
          <cell r="AM61">
            <v>59</v>
          </cell>
          <cell r="AO61" t="str">
            <v>5 - GUANACASTE</v>
          </cell>
          <cell r="AR61">
            <v>9</v>
          </cell>
        </row>
        <row r="62">
          <cell r="E62" t="str">
            <v xml:space="preserve">DJ  </v>
          </cell>
          <cell r="I62" t="str">
            <v>058</v>
          </cell>
          <cell r="AC62">
            <v>59</v>
          </cell>
          <cell r="AK62">
            <v>5</v>
          </cell>
          <cell r="AM62">
            <v>60</v>
          </cell>
          <cell r="AO62" t="str">
            <v>5 - GUANACASTE</v>
          </cell>
          <cell r="AR62">
            <v>9</v>
          </cell>
        </row>
        <row r="63">
          <cell r="E63" t="str">
            <v xml:space="preserve">DK  </v>
          </cell>
          <cell r="I63" t="str">
            <v>059</v>
          </cell>
          <cell r="AC63">
            <v>60</v>
          </cell>
          <cell r="AK63">
            <v>5</v>
          </cell>
          <cell r="AM63">
            <v>61</v>
          </cell>
          <cell r="AO63" t="str">
            <v>5 - GUANACASTE</v>
          </cell>
          <cell r="AR63">
            <v>9</v>
          </cell>
        </row>
        <row r="64">
          <cell r="E64" t="str">
            <v xml:space="preserve">DM  </v>
          </cell>
          <cell r="I64" t="str">
            <v>060</v>
          </cell>
          <cell r="AC64">
            <v>61</v>
          </cell>
          <cell r="AK64">
            <v>5</v>
          </cell>
          <cell r="AM64">
            <v>62</v>
          </cell>
          <cell r="AO64" t="str">
            <v>5 - GUANACASTE</v>
          </cell>
          <cell r="AR64">
            <v>9</v>
          </cell>
        </row>
        <row r="65">
          <cell r="E65" t="str">
            <v xml:space="preserve">DO  </v>
          </cell>
          <cell r="I65" t="str">
            <v>061</v>
          </cell>
          <cell r="AC65">
            <v>62</v>
          </cell>
          <cell r="AK65">
            <v>5</v>
          </cell>
          <cell r="AM65">
            <v>63</v>
          </cell>
          <cell r="AO65" t="str">
            <v>5 - GUANACASTE</v>
          </cell>
          <cell r="AR65">
            <v>9</v>
          </cell>
        </row>
        <row r="66">
          <cell r="E66" t="str">
            <v xml:space="preserve">DZ  </v>
          </cell>
          <cell r="I66" t="str">
            <v>062</v>
          </cell>
          <cell r="AC66">
            <v>63</v>
          </cell>
          <cell r="AK66">
            <v>5</v>
          </cell>
          <cell r="AM66">
            <v>64</v>
          </cell>
          <cell r="AO66" t="str">
            <v>5 - GUANACASTE</v>
          </cell>
          <cell r="AR66">
            <v>9</v>
          </cell>
        </row>
        <row r="67">
          <cell r="E67" t="str">
            <v xml:space="preserve">EC  </v>
          </cell>
          <cell r="I67" t="str">
            <v>063</v>
          </cell>
          <cell r="AC67">
            <v>64</v>
          </cell>
          <cell r="AK67">
            <v>6</v>
          </cell>
          <cell r="AM67">
            <v>65</v>
          </cell>
          <cell r="AO67" t="str">
            <v>6 - PUNTARENAS</v>
          </cell>
          <cell r="AR67">
            <v>10</v>
          </cell>
        </row>
        <row r="68">
          <cell r="E68" t="str">
            <v xml:space="preserve">EE  </v>
          </cell>
          <cell r="I68" t="str">
            <v>065</v>
          </cell>
          <cell r="AC68">
            <v>65</v>
          </cell>
          <cell r="AK68">
            <v>6</v>
          </cell>
          <cell r="AM68">
            <v>66</v>
          </cell>
          <cell r="AO68" t="str">
            <v>6 - PUNTARENAS</v>
          </cell>
          <cell r="AR68">
            <v>10</v>
          </cell>
        </row>
        <row r="69">
          <cell r="E69" t="str">
            <v xml:space="preserve">EG  </v>
          </cell>
          <cell r="I69" t="str">
            <v>066</v>
          </cell>
          <cell r="AC69">
            <v>66</v>
          </cell>
          <cell r="AK69">
            <v>6</v>
          </cell>
          <cell r="AM69">
            <v>67</v>
          </cell>
          <cell r="AO69" t="str">
            <v>6 - PUNTARENAS</v>
          </cell>
          <cell r="AR69">
            <v>10</v>
          </cell>
        </row>
        <row r="70">
          <cell r="E70" t="str">
            <v xml:space="preserve">EH  </v>
          </cell>
          <cell r="I70" t="str">
            <v>067</v>
          </cell>
          <cell r="AC70">
            <v>67</v>
          </cell>
          <cell r="AK70">
            <v>6</v>
          </cell>
          <cell r="AM70">
            <v>68</v>
          </cell>
          <cell r="AO70" t="str">
            <v>6 - PUNTARENAS</v>
          </cell>
          <cell r="AR70">
            <v>10</v>
          </cell>
        </row>
        <row r="71">
          <cell r="E71" t="str">
            <v xml:space="preserve">ER  </v>
          </cell>
          <cell r="I71" t="str">
            <v>068</v>
          </cell>
          <cell r="AC71">
            <v>68</v>
          </cell>
          <cell r="AK71">
            <v>6</v>
          </cell>
          <cell r="AM71">
            <v>69</v>
          </cell>
          <cell r="AO71" t="str">
            <v>6 - PUNTARENAS</v>
          </cell>
          <cell r="AR71">
            <v>10</v>
          </cell>
        </row>
        <row r="72">
          <cell r="E72" t="str">
            <v xml:space="preserve">ES  </v>
          </cell>
          <cell r="I72" t="str">
            <v>069</v>
          </cell>
          <cell r="AC72">
            <v>69</v>
          </cell>
          <cell r="AK72">
            <v>6</v>
          </cell>
          <cell r="AM72">
            <v>71</v>
          </cell>
          <cell r="AO72" t="str">
            <v>6 - PUNTARENAS</v>
          </cell>
          <cell r="AR72">
            <v>10</v>
          </cell>
        </row>
        <row r="73">
          <cell r="E73" t="str">
            <v xml:space="preserve">ET  </v>
          </cell>
          <cell r="I73" t="str">
            <v>070</v>
          </cell>
          <cell r="AC73">
            <v>70</v>
          </cell>
          <cell r="AK73">
            <v>6</v>
          </cell>
          <cell r="AM73">
            <v>72</v>
          </cell>
          <cell r="AO73" t="str">
            <v>6 - PUNTARENAS</v>
          </cell>
          <cell r="AR73">
            <v>10</v>
          </cell>
        </row>
        <row r="74">
          <cell r="E74" t="str">
            <v xml:space="preserve">EU  </v>
          </cell>
          <cell r="I74" t="str">
            <v>071</v>
          </cell>
          <cell r="AC74">
            <v>71</v>
          </cell>
          <cell r="AK74">
            <v>6</v>
          </cell>
          <cell r="AM74">
            <v>73</v>
          </cell>
          <cell r="AO74" t="str">
            <v>6 - PUNTARENAS</v>
          </cell>
          <cell r="AR74">
            <v>10</v>
          </cell>
        </row>
        <row r="75">
          <cell r="E75" t="str">
            <v xml:space="preserve">FI  </v>
          </cell>
          <cell r="I75" t="str">
            <v>072</v>
          </cell>
          <cell r="AC75">
            <v>72</v>
          </cell>
          <cell r="AK75">
            <v>6</v>
          </cell>
          <cell r="AM75">
            <v>74</v>
          </cell>
          <cell r="AO75" t="str">
            <v>6 - PUNTARENAS</v>
          </cell>
          <cell r="AR75">
            <v>10</v>
          </cell>
        </row>
        <row r="76">
          <cell r="E76" t="str">
            <v xml:space="preserve">FJ  </v>
          </cell>
          <cell r="I76" t="str">
            <v>073</v>
          </cell>
          <cell r="AC76">
            <v>73</v>
          </cell>
          <cell r="AK76">
            <v>6</v>
          </cell>
          <cell r="AM76">
            <v>75</v>
          </cell>
          <cell r="AO76" t="str">
            <v>6 - PUNTARENAS</v>
          </cell>
          <cell r="AR76">
            <v>10</v>
          </cell>
        </row>
        <row r="77">
          <cell r="E77" t="str">
            <v xml:space="preserve">FK  </v>
          </cell>
          <cell r="I77" t="str">
            <v>074</v>
          </cell>
          <cell r="AC77">
            <v>74</v>
          </cell>
          <cell r="AK77">
            <v>7</v>
          </cell>
          <cell r="AM77">
            <v>76</v>
          </cell>
          <cell r="AO77" t="str">
            <v>7 - LIMON</v>
          </cell>
          <cell r="AR77">
            <v>10</v>
          </cell>
        </row>
        <row r="78">
          <cell r="E78" t="str">
            <v xml:space="preserve">FM  </v>
          </cell>
          <cell r="I78" t="str">
            <v>076</v>
          </cell>
          <cell r="AC78">
            <v>75</v>
          </cell>
          <cell r="AK78">
            <v>7</v>
          </cell>
          <cell r="AM78">
            <v>77</v>
          </cell>
          <cell r="AO78" t="str">
            <v>7 - LIMON</v>
          </cell>
          <cell r="AR78">
            <v>10</v>
          </cell>
        </row>
        <row r="79">
          <cell r="E79" t="str">
            <v xml:space="preserve">FO  </v>
          </cell>
          <cell r="I79" t="str">
            <v>077</v>
          </cell>
          <cell r="AC79">
            <v>76</v>
          </cell>
          <cell r="AK79">
            <v>7</v>
          </cell>
          <cell r="AM79">
            <v>78</v>
          </cell>
          <cell r="AO79" t="str">
            <v>7 - LIMON</v>
          </cell>
          <cell r="AR79">
            <v>10</v>
          </cell>
        </row>
        <row r="80">
          <cell r="E80" t="str">
            <v xml:space="preserve">FR  </v>
          </cell>
          <cell r="I80" t="str">
            <v>078</v>
          </cell>
          <cell r="AC80">
            <v>77</v>
          </cell>
          <cell r="AK80">
            <v>7</v>
          </cell>
          <cell r="AM80">
            <v>79</v>
          </cell>
          <cell r="AO80" t="str">
            <v>7 - LIMON</v>
          </cell>
          <cell r="AR80">
            <v>10</v>
          </cell>
        </row>
        <row r="81">
          <cell r="E81" t="str">
            <v xml:space="preserve">GA  </v>
          </cell>
          <cell r="I81" t="str">
            <v>079</v>
          </cell>
          <cell r="AC81">
            <v>78</v>
          </cell>
          <cell r="AK81">
            <v>7</v>
          </cell>
          <cell r="AM81">
            <v>80</v>
          </cell>
          <cell r="AO81" t="str">
            <v>7 - LIMON</v>
          </cell>
          <cell r="AR81">
            <v>10</v>
          </cell>
        </row>
        <row r="82">
          <cell r="E82" t="str">
            <v xml:space="preserve">GB  </v>
          </cell>
          <cell r="I82" t="str">
            <v>080</v>
          </cell>
          <cell r="AC82">
            <v>79</v>
          </cell>
          <cell r="AK82">
            <v>7</v>
          </cell>
          <cell r="AM82">
            <v>81</v>
          </cell>
          <cell r="AO82" t="str">
            <v>7 - LIMON</v>
          </cell>
          <cell r="AR82">
            <v>11</v>
          </cell>
        </row>
        <row r="83">
          <cell r="E83" t="str">
            <v xml:space="preserve">GD  </v>
          </cell>
          <cell r="I83" t="str">
            <v>081</v>
          </cell>
          <cell r="AC83">
            <v>80</v>
          </cell>
          <cell r="AK83">
            <v>9999</v>
          </cell>
          <cell r="AM83">
            <v>9999</v>
          </cell>
          <cell r="AO83" t="str">
            <v>9999 - NO APLICA</v>
          </cell>
          <cell r="AR83">
            <v>11</v>
          </cell>
        </row>
        <row r="84">
          <cell r="E84" t="str">
            <v xml:space="preserve">GE  </v>
          </cell>
          <cell r="I84" t="str">
            <v>082</v>
          </cell>
          <cell r="AC84">
            <v>81</v>
          </cell>
          <cell r="AR84">
            <v>11</v>
          </cell>
        </row>
        <row r="85">
          <cell r="E85" t="str">
            <v xml:space="preserve">GF  </v>
          </cell>
          <cell r="I85" t="str">
            <v>083</v>
          </cell>
          <cell r="AC85">
            <v>9999</v>
          </cell>
          <cell r="AR85">
            <v>11</v>
          </cell>
        </row>
        <row r="86">
          <cell r="E86" t="str">
            <v xml:space="preserve">GG  </v>
          </cell>
          <cell r="I86" t="str">
            <v>084</v>
          </cell>
          <cell r="AR86">
            <v>11</v>
          </cell>
        </row>
        <row r="87">
          <cell r="E87" t="str">
            <v xml:space="preserve">GH  </v>
          </cell>
          <cell r="I87" t="str">
            <v>085</v>
          </cell>
          <cell r="AR87">
            <v>12</v>
          </cell>
        </row>
        <row r="88">
          <cell r="E88" t="str">
            <v xml:space="preserve">GI  </v>
          </cell>
          <cell r="I88" t="str">
            <v>087</v>
          </cell>
          <cell r="AR88">
            <v>12</v>
          </cell>
        </row>
        <row r="89">
          <cell r="E89" t="str">
            <v xml:space="preserve">GL  </v>
          </cell>
          <cell r="I89" t="str">
            <v>088</v>
          </cell>
          <cell r="AR89">
            <v>12</v>
          </cell>
        </row>
        <row r="90">
          <cell r="E90" t="str">
            <v xml:space="preserve">GM  </v>
          </cell>
          <cell r="I90" t="str">
            <v>089</v>
          </cell>
          <cell r="AR90">
            <v>12</v>
          </cell>
        </row>
        <row r="91">
          <cell r="E91" t="str">
            <v xml:space="preserve">GN  </v>
          </cell>
          <cell r="I91" t="str">
            <v>090</v>
          </cell>
          <cell r="AR91">
            <v>12</v>
          </cell>
        </row>
        <row r="92">
          <cell r="E92" t="str">
            <v xml:space="preserve">GP  </v>
          </cell>
          <cell r="I92" t="str">
            <v>091</v>
          </cell>
          <cell r="AR92">
            <v>13</v>
          </cell>
        </row>
        <row r="93">
          <cell r="E93" t="str">
            <v xml:space="preserve">GQ  </v>
          </cell>
          <cell r="I93" t="str">
            <v>092</v>
          </cell>
          <cell r="AR93">
            <v>13</v>
          </cell>
        </row>
        <row r="94">
          <cell r="E94" t="str">
            <v xml:space="preserve">GR  </v>
          </cell>
          <cell r="I94" t="str">
            <v>093</v>
          </cell>
          <cell r="AR94">
            <v>13</v>
          </cell>
        </row>
        <row r="95">
          <cell r="E95" t="str">
            <v xml:space="preserve">GS  </v>
          </cell>
          <cell r="I95" t="str">
            <v>094</v>
          </cell>
          <cell r="AR95">
            <v>13</v>
          </cell>
        </row>
        <row r="96">
          <cell r="E96" t="str">
            <v xml:space="preserve">GT  </v>
          </cell>
          <cell r="I96" t="str">
            <v>095</v>
          </cell>
          <cell r="AR96">
            <v>13</v>
          </cell>
        </row>
        <row r="97">
          <cell r="E97" t="str">
            <v xml:space="preserve">GU  </v>
          </cell>
          <cell r="I97" t="str">
            <v>096</v>
          </cell>
          <cell r="AR97">
            <v>14</v>
          </cell>
        </row>
        <row r="98">
          <cell r="E98" t="str">
            <v xml:space="preserve">GW  </v>
          </cell>
          <cell r="I98" t="str">
            <v>097</v>
          </cell>
          <cell r="AR98">
            <v>14</v>
          </cell>
        </row>
        <row r="99">
          <cell r="E99" t="str">
            <v xml:space="preserve">GY  </v>
          </cell>
          <cell r="I99" t="str">
            <v>098</v>
          </cell>
          <cell r="AR99">
            <v>14</v>
          </cell>
        </row>
        <row r="100">
          <cell r="E100" t="str">
            <v xml:space="preserve">HK  </v>
          </cell>
          <cell r="I100" t="str">
            <v>099</v>
          </cell>
          <cell r="AR100">
            <v>15</v>
          </cell>
        </row>
        <row r="101">
          <cell r="E101" t="str">
            <v xml:space="preserve">HM  </v>
          </cell>
          <cell r="I101" t="str">
            <v>100</v>
          </cell>
          <cell r="AR101">
            <v>15</v>
          </cell>
        </row>
        <row r="102">
          <cell r="E102" t="str">
            <v xml:space="preserve">HN  </v>
          </cell>
          <cell r="I102" t="str">
            <v>101</v>
          </cell>
          <cell r="AR102">
            <v>15</v>
          </cell>
        </row>
        <row r="103">
          <cell r="E103" t="str">
            <v xml:space="preserve">HR  </v>
          </cell>
          <cell r="I103" t="str">
            <v>102</v>
          </cell>
          <cell r="AR103">
            <v>15</v>
          </cell>
        </row>
        <row r="104">
          <cell r="E104" t="str">
            <v xml:space="preserve">HT  </v>
          </cell>
          <cell r="I104" t="str">
            <v>103</v>
          </cell>
          <cell r="AR104">
            <v>16</v>
          </cell>
        </row>
        <row r="105">
          <cell r="E105" t="str">
            <v xml:space="preserve">HU  </v>
          </cell>
          <cell r="I105" t="str">
            <v>104</v>
          </cell>
          <cell r="AR105">
            <v>16</v>
          </cell>
        </row>
        <row r="106">
          <cell r="E106" t="str">
            <v xml:space="preserve">ID  </v>
          </cell>
          <cell r="I106" t="str">
            <v>105</v>
          </cell>
          <cell r="AR106">
            <v>16</v>
          </cell>
        </row>
        <row r="107">
          <cell r="E107" t="str">
            <v xml:space="preserve">IE  </v>
          </cell>
          <cell r="I107" t="str">
            <v>106</v>
          </cell>
          <cell r="AR107">
            <v>16</v>
          </cell>
        </row>
        <row r="108">
          <cell r="E108" t="str">
            <v xml:space="preserve">IL  </v>
          </cell>
          <cell r="I108" t="str">
            <v>107</v>
          </cell>
          <cell r="AR108">
            <v>17</v>
          </cell>
        </row>
        <row r="109">
          <cell r="E109" t="str">
            <v xml:space="preserve">IM  </v>
          </cell>
          <cell r="I109" t="str">
            <v>108</v>
          </cell>
          <cell r="AR109">
            <v>17</v>
          </cell>
        </row>
        <row r="110">
          <cell r="E110" t="str">
            <v xml:space="preserve">IN  </v>
          </cell>
          <cell r="I110" t="str">
            <v>109</v>
          </cell>
          <cell r="AR110">
            <v>17</v>
          </cell>
        </row>
        <row r="111">
          <cell r="E111" t="str">
            <v xml:space="preserve">IO  </v>
          </cell>
          <cell r="I111" t="str">
            <v>110</v>
          </cell>
          <cell r="AR111">
            <v>18</v>
          </cell>
        </row>
        <row r="112">
          <cell r="E112" t="str">
            <v xml:space="preserve">IQ  </v>
          </cell>
          <cell r="I112" t="str">
            <v>111</v>
          </cell>
          <cell r="AR112">
            <v>18</v>
          </cell>
        </row>
        <row r="113">
          <cell r="E113" t="str">
            <v xml:space="preserve">IR  </v>
          </cell>
          <cell r="I113" t="str">
            <v>112</v>
          </cell>
          <cell r="AR113">
            <v>18</v>
          </cell>
        </row>
        <row r="114">
          <cell r="E114" t="str">
            <v xml:space="preserve">IS  </v>
          </cell>
          <cell r="I114" t="str">
            <v>113</v>
          </cell>
          <cell r="AR114">
            <v>18</v>
          </cell>
        </row>
        <row r="115">
          <cell r="E115" t="str">
            <v xml:space="preserve">IT  </v>
          </cell>
          <cell r="I115" t="str">
            <v>114</v>
          </cell>
          <cell r="AR115">
            <v>19</v>
          </cell>
        </row>
        <row r="116">
          <cell r="E116" t="str">
            <v xml:space="preserve">JE  </v>
          </cell>
          <cell r="I116" t="str">
            <v>115</v>
          </cell>
          <cell r="AR116">
            <v>19</v>
          </cell>
        </row>
        <row r="117">
          <cell r="E117" t="str">
            <v xml:space="preserve">JM  </v>
          </cell>
          <cell r="I117" t="str">
            <v>116</v>
          </cell>
          <cell r="AR117">
            <v>19</v>
          </cell>
        </row>
        <row r="118">
          <cell r="E118" t="str">
            <v xml:space="preserve">JO  </v>
          </cell>
          <cell r="I118" t="str">
            <v>117</v>
          </cell>
          <cell r="AR118">
            <v>19</v>
          </cell>
        </row>
        <row r="119">
          <cell r="E119" t="str">
            <v xml:space="preserve">JP  </v>
          </cell>
          <cell r="I119" t="str">
            <v>118</v>
          </cell>
          <cell r="AR119">
            <v>19</v>
          </cell>
        </row>
        <row r="120">
          <cell r="E120" t="str">
            <v xml:space="preserve">KE  </v>
          </cell>
          <cell r="I120" t="str">
            <v>119</v>
          </cell>
          <cell r="AR120">
            <v>19</v>
          </cell>
        </row>
        <row r="121">
          <cell r="E121" t="str">
            <v xml:space="preserve">KG  </v>
          </cell>
          <cell r="I121" t="str">
            <v>120</v>
          </cell>
          <cell r="AR121">
            <v>19</v>
          </cell>
        </row>
        <row r="122">
          <cell r="E122" t="str">
            <v xml:space="preserve">KH  </v>
          </cell>
          <cell r="I122" t="str">
            <v>121</v>
          </cell>
          <cell r="AR122">
            <v>19</v>
          </cell>
        </row>
        <row r="123">
          <cell r="E123" t="str">
            <v xml:space="preserve">KI  </v>
          </cell>
          <cell r="I123" t="str">
            <v>122</v>
          </cell>
          <cell r="AR123">
            <v>19</v>
          </cell>
        </row>
        <row r="124">
          <cell r="E124" t="str">
            <v xml:space="preserve">KM  </v>
          </cell>
          <cell r="I124" t="str">
            <v>123</v>
          </cell>
          <cell r="AR124">
            <v>19</v>
          </cell>
        </row>
        <row r="125">
          <cell r="E125" t="str">
            <v xml:space="preserve">KN  </v>
          </cell>
          <cell r="I125" t="str">
            <v>124</v>
          </cell>
          <cell r="AR125">
            <v>19</v>
          </cell>
        </row>
        <row r="126">
          <cell r="E126" t="str">
            <v xml:space="preserve">KP  </v>
          </cell>
          <cell r="I126" t="str">
            <v>125</v>
          </cell>
          <cell r="AR126">
            <v>20</v>
          </cell>
        </row>
        <row r="127">
          <cell r="E127" t="str">
            <v xml:space="preserve">KR  </v>
          </cell>
          <cell r="I127" t="str">
            <v>126</v>
          </cell>
          <cell r="AR127">
            <v>20</v>
          </cell>
        </row>
        <row r="128">
          <cell r="E128" t="str">
            <v xml:space="preserve">KW  </v>
          </cell>
          <cell r="I128" t="str">
            <v>127</v>
          </cell>
          <cell r="AR128">
            <v>20</v>
          </cell>
        </row>
        <row r="129">
          <cell r="E129" t="str">
            <v xml:space="preserve">KY  </v>
          </cell>
          <cell r="I129" t="str">
            <v>128</v>
          </cell>
          <cell r="AR129">
            <v>20</v>
          </cell>
        </row>
        <row r="130">
          <cell r="E130" t="str">
            <v xml:space="preserve">KZ  </v>
          </cell>
          <cell r="I130" t="str">
            <v>129</v>
          </cell>
          <cell r="AR130">
            <v>20</v>
          </cell>
        </row>
        <row r="131">
          <cell r="E131" t="str">
            <v xml:space="preserve">LA  </v>
          </cell>
          <cell r="I131" t="str">
            <v>130</v>
          </cell>
          <cell r="AR131">
            <v>21</v>
          </cell>
        </row>
        <row r="132">
          <cell r="E132" t="str">
            <v xml:space="preserve">LB  </v>
          </cell>
          <cell r="I132" t="str">
            <v>131</v>
          </cell>
          <cell r="AR132">
            <v>21</v>
          </cell>
        </row>
        <row r="133">
          <cell r="E133" t="str">
            <v xml:space="preserve">LC  </v>
          </cell>
          <cell r="I133" t="str">
            <v>132</v>
          </cell>
          <cell r="AR133">
            <v>21</v>
          </cell>
        </row>
        <row r="134">
          <cell r="E134" t="str">
            <v xml:space="preserve">LI  </v>
          </cell>
          <cell r="I134" t="str">
            <v>999</v>
          </cell>
          <cell r="AR134">
            <v>21</v>
          </cell>
        </row>
        <row r="135">
          <cell r="E135" t="str">
            <v xml:space="preserve">LK  </v>
          </cell>
          <cell r="AR135">
            <v>21</v>
          </cell>
        </row>
        <row r="136">
          <cell r="E136" t="str">
            <v xml:space="preserve">LR  </v>
          </cell>
          <cell r="AR136">
            <v>21</v>
          </cell>
        </row>
        <row r="137">
          <cell r="E137" t="str">
            <v xml:space="preserve">LS  </v>
          </cell>
          <cell r="AR137">
            <v>21</v>
          </cell>
        </row>
        <row r="138">
          <cell r="E138" t="str">
            <v xml:space="preserve">LT  </v>
          </cell>
          <cell r="AR138">
            <v>21</v>
          </cell>
        </row>
        <row r="139">
          <cell r="E139" t="str">
            <v xml:space="preserve">LU  </v>
          </cell>
          <cell r="AR139">
            <v>21</v>
          </cell>
        </row>
        <row r="140">
          <cell r="E140" t="str">
            <v xml:space="preserve">LV  </v>
          </cell>
          <cell r="AR140">
            <v>21</v>
          </cell>
        </row>
        <row r="141">
          <cell r="E141" t="str">
            <v xml:space="preserve">LY  </v>
          </cell>
          <cell r="AR141">
            <v>21</v>
          </cell>
        </row>
        <row r="142">
          <cell r="E142" t="str">
            <v xml:space="preserve">MA  </v>
          </cell>
          <cell r="AR142">
            <v>21</v>
          </cell>
        </row>
        <row r="143">
          <cell r="E143" t="str">
            <v xml:space="preserve">MC  </v>
          </cell>
          <cell r="AR143">
            <v>21</v>
          </cell>
        </row>
        <row r="144">
          <cell r="E144" t="str">
            <v xml:space="preserve">MD  </v>
          </cell>
          <cell r="AR144">
            <v>21</v>
          </cell>
        </row>
        <row r="145">
          <cell r="E145" t="str">
            <v xml:space="preserve">ME  </v>
          </cell>
          <cell r="AR145">
            <v>21</v>
          </cell>
        </row>
        <row r="146">
          <cell r="E146" t="str">
            <v xml:space="preserve">MG  </v>
          </cell>
          <cell r="AR146">
            <v>22</v>
          </cell>
        </row>
        <row r="147">
          <cell r="E147" t="str">
            <v xml:space="preserve">MH  </v>
          </cell>
          <cell r="AR147">
            <v>22</v>
          </cell>
        </row>
        <row r="148">
          <cell r="E148" t="str">
            <v xml:space="preserve">MK  </v>
          </cell>
          <cell r="AR148">
            <v>22</v>
          </cell>
        </row>
        <row r="149">
          <cell r="E149" t="str">
            <v xml:space="preserve">ML  </v>
          </cell>
          <cell r="AR149">
            <v>22</v>
          </cell>
        </row>
        <row r="150">
          <cell r="E150" t="str">
            <v xml:space="preserve">MM  </v>
          </cell>
          <cell r="AR150">
            <v>22</v>
          </cell>
        </row>
        <row r="151">
          <cell r="E151" t="str">
            <v xml:space="preserve">MN  </v>
          </cell>
          <cell r="AR151">
            <v>22</v>
          </cell>
        </row>
        <row r="152">
          <cell r="E152" t="str">
            <v xml:space="preserve">MO  </v>
          </cell>
          <cell r="AR152">
            <v>22</v>
          </cell>
        </row>
        <row r="153">
          <cell r="E153" t="str">
            <v xml:space="preserve">MP  </v>
          </cell>
          <cell r="AR153">
            <v>22</v>
          </cell>
        </row>
        <row r="154">
          <cell r="E154" t="str">
            <v xml:space="preserve">MQ  </v>
          </cell>
          <cell r="AR154">
            <v>22</v>
          </cell>
        </row>
        <row r="155">
          <cell r="E155" t="str">
            <v xml:space="preserve">MR  </v>
          </cell>
          <cell r="AR155">
            <v>22</v>
          </cell>
        </row>
        <row r="156">
          <cell r="E156" t="str">
            <v xml:space="preserve">MS  </v>
          </cell>
          <cell r="AR156">
            <v>22</v>
          </cell>
        </row>
        <row r="157">
          <cell r="E157" t="str">
            <v xml:space="preserve">MT  </v>
          </cell>
          <cell r="AR157">
            <v>22</v>
          </cell>
        </row>
        <row r="158">
          <cell r="E158" t="str">
            <v xml:space="preserve">MU  </v>
          </cell>
          <cell r="AR158">
            <v>22</v>
          </cell>
        </row>
        <row r="159">
          <cell r="E159" t="str">
            <v xml:space="preserve">MV  </v>
          </cell>
          <cell r="AR159">
            <v>22</v>
          </cell>
        </row>
        <row r="160">
          <cell r="E160" t="str">
            <v xml:space="preserve">MW  </v>
          </cell>
          <cell r="AR160">
            <v>23</v>
          </cell>
        </row>
        <row r="161">
          <cell r="E161" t="str">
            <v xml:space="preserve">MX  </v>
          </cell>
          <cell r="AR161">
            <v>23</v>
          </cell>
        </row>
        <row r="162">
          <cell r="E162" t="str">
            <v xml:space="preserve">MY  </v>
          </cell>
          <cell r="AR162">
            <v>23</v>
          </cell>
        </row>
        <row r="163">
          <cell r="E163" t="str">
            <v xml:space="preserve">MZ  </v>
          </cell>
          <cell r="AR163">
            <v>23</v>
          </cell>
        </row>
        <row r="164">
          <cell r="E164" t="str">
            <v xml:space="preserve">NA  </v>
          </cell>
          <cell r="AR164">
            <v>23</v>
          </cell>
        </row>
        <row r="165">
          <cell r="E165" t="str">
            <v xml:space="preserve">NC  </v>
          </cell>
          <cell r="AR165">
            <v>23</v>
          </cell>
        </row>
        <row r="166">
          <cell r="E166" t="str">
            <v xml:space="preserve">NE  </v>
          </cell>
          <cell r="AR166">
            <v>23</v>
          </cell>
        </row>
        <row r="167">
          <cell r="E167" t="str">
            <v xml:space="preserve">NF  </v>
          </cell>
          <cell r="AR167">
            <v>24</v>
          </cell>
        </row>
        <row r="168">
          <cell r="E168" t="str">
            <v xml:space="preserve">NG  </v>
          </cell>
          <cell r="AR168">
            <v>24</v>
          </cell>
        </row>
        <row r="169">
          <cell r="E169" t="str">
            <v xml:space="preserve">NI  </v>
          </cell>
          <cell r="AR169">
            <v>24</v>
          </cell>
        </row>
        <row r="170">
          <cell r="E170" t="str">
            <v xml:space="preserve">NL  </v>
          </cell>
          <cell r="AR170">
            <v>25</v>
          </cell>
        </row>
        <row r="171">
          <cell r="E171" t="str">
            <v xml:space="preserve">NO  </v>
          </cell>
          <cell r="AR171">
            <v>25</v>
          </cell>
        </row>
        <row r="172">
          <cell r="E172" t="str">
            <v xml:space="preserve">NP  </v>
          </cell>
          <cell r="AR172">
            <v>25</v>
          </cell>
        </row>
        <row r="173">
          <cell r="E173" t="str">
            <v xml:space="preserve">NR  </v>
          </cell>
          <cell r="AR173">
            <v>25</v>
          </cell>
        </row>
        <row r="174">
          <cell r="E174" t="str">
            <v xml:space="preserve">NU  </v>
          </cell>
          <cell r="AR174">
            <v>25</v>
          </cell>
        </row>
        <row r="175">
          <cell r="E175" t="str">
            <v xml:space="preserve">NZ  </v>
          </cell>
          <cell r="AR175">
            <v>25</v>
          </cell>
        </row>
        <row r="176">
          <cell r="E176" t="str">
            <v xml:space="preserve">OM  </v>
          </cell>
          <cell r="AR176">
            <v>25</v>
          </cell>
        </row>
        <row r="177">
          <cell r="E177" t="str">
            <v xml:space="preserve">PA  </v>
          </cell>
          <cell r="AR177">
            <v>26</v>
          </cell>
        </row>
        <row r="178">
          <cell r="E178" t="str">
            <v xml:space="preserve">PE  </v>
          </cell>
          <cell r="AR178">
            <v>26</v>
          </cell>
        </row>
        <row r="179">
          <cell r="E179" t="str">
            <v xml:space="preserve">PF  </v>
          </cell>
          <cell r="AR179">
            <v>26</v>
          </cell>
        </row>
        <row r="180">
          <cell r="E180" t="str">
            <v xml:space="preserve">PG  </v>
          </cell>
          <cell r="AR180">
            <v>26</v>
          </cell>
        </row>
        <row r="181">
          <cell r="E181" t="str">
            <v xml:space="preserve">PH  </v>
          </cell>
          <cell r="AR181">
            <v>26</v>
          </cell>
        </row>
        <row r="182">
          <cell r="E182" t="str">
            <v xml:space="preserve">PK  </v>
          </cell>
          <cell r="AR182">
            <v>26</v>
          </cell>
        </row>
        <row r="183">
          <cell r="E183" t="str">
            <v xml:space="preserve">PL  </v>
          </cell>
          <cell r="AR183">
            <v>26</v>
          </cell>
        </row>
        <row r="184">
          <cell r="E184" t="str">
            <v xml:space="preserve">PM  </v>
          </cell>
          <cell r="AR184">
            <v>27</v>
          </cell>
        </row>
        <row r="185">
          <cell r="E185" t="str">
            <v xml:space="preserve">PN  </v>
          </cell>
          <cell r="AR185">
            <v>27</v>
          </cell>
        </row>
        <row r="186">
          <cell r="E186" t="str">
            <v xml:space="preserve">PR  </v>
          </cell>
          <cell r="AR186">
            <v>27</v>
          </cell>
        </row>
        <row r="187">
          <cell r="E187" t="str">
            <v xml:space="preserve">PS  </v>
          </cell>
          <cell r="AR187">
            <v>27</v>
          </cell>
        </row>
        <row r="188">
          <cell r="E188" t="str">
            <v xml:space="preserve">PT  </v>
          </cell>
          <cell r="AR188">
            <v>27</v>
          </cell>
        </row>
        <row r="189">
          <cell r="E189" t="str">
            <v xml:space="preserve">PU  </v>
          </cell>
          <cell r="AR189">
            <v>27</v>
          </cell>
        </row>
        <row r="190">
          <cell r="E190" t="str">
            <v xml:space="preserve">PW  </v>
          </cell>
          <cell r="AR190">
            <v>27</v>
          </cell>
        </row>
        <row r="191">
          <cell r="E191" t="str">
            <v xml:space="preserve">PY  </v>
          </cell>
          <cell r="AR191">
            <v>28</v>
          </cell>
        </row>
        <row r="192">
          <cell r="E192" t="str">
            <v xml:space="preserve">QA  </v>
          </cell>
          <cell r="AR192">
            <v>28</v>
          </cell>
        </row>
        <row r="193">
          <cell r="E193" t="str">
            <v xml:space="preserve">RE  </v>
          </cell>
          <cell r="AR193">
            <v>28</v>
          </cell>
        </row>
        <row r="194">
          <cell r="E194" t="str">
            <v xml:space="preserve">RO  </v>
          </cell>
          <cell r="AR194">
            <v>28</v>
          </cell>
        </row>
        <row r="195">
          <cell r="E195" t="str">
            <v xml:space="preserve">RS  </v>
          </cell>
          <cell r="AR195">
            <v>28</v>
          </cell>
        </row>
        <row r="196">
          <cell r="E196" t="str">
            <v xml:space="preserve">RU  </v>
          </cell>
          <cell r="AR196">
            <v>29</v>
          </cell>
        </row>
        <row r="197">
          <cell r="E197" t="str">
            <v xml:space="preserve">RW  </v>
          </cell>
          <cell r="AR197">
            <v>29</v>
          </cell>
        </row>
        <row r="198">
          <cell r="E198" t="str">
            <v xml:space="preserve">SA  </v>
          </cell>
          <cell r="AR198">
            <v>29</v>
          </cell>
        </row>
        <row r="199">
          <cell r="E199" t="str">
            <v xml:space="preserve">SB  </v>
          </cell>
          <cell r="AR199">
            <v>29</v>
          </cell>
        </row>
        <row r="200">
          <cell r="E200" t="str">
            <v xml:space="preserve">SC  </v>
          </cell>
          <cell r="AR200">
            <v>29</v>
          </cell>
        </row>
        <row r="201">
          <cell r="E201" t="str">
            <v xml:space="preserve">SD  </v>
          </cell>
          <cell r="AR201">
            <v>30</v>
          </cell>
        </row>
        <row r="202">
          <cell r="E202" t="str">
            <v xml:space="preserve">SE  </v>
          </cell>
          <cell r="AR202">
            <v>30</v>
          </cell>
        </row>
        <row r="203">
          <cell r="E203" t="str">
            <v xml:space="preserve">SG  </v>
          </cell>
          <cell r="AR203">
            <v>30</v>
          </cell>
        </row>
        <row r="204">
          <cell r="E204" t="str">
            <v xml:space="preserve">SH  </v>
          </cell>
          <cell r="AR204">
            <v>31</v>
          </cell>
        </row>
        <row r="205">
          <cell r="E205" t="str">
            <v xml:space="preserve">SI  </v>
          </cell>
          <cell r="AR205">
            <v>31</v>
          </cell>
        </row>
        <row r="206">
          <cell r="E206" t="str">
            <v xml:space="preserve">SJ  </v>
          </cell>
          <cell r="AR206">
            <v>31</v>
          </cell>
        </row>
        <row r="207">
          <cell r="E207" t="str">
            <v xml:space="preserve">SK  </v>
          </cell>
          <cell r="AR207">
            <v>31</v>
          </cell>
        </row>
        <row r="208">
          <cell r="E208" t="str">
            <v xml:space="preserve">SL  </v>
          </cell>
          <cell r="AR208">
            <v>31</v>
          </cell>
        </row>
        <row r="209">
          <cell r="E209" t="str">
            <v xml:space="preserve">SM  </v>
          </cell>
          <cell r="AR209">
            <v>31</v>
          </cell>
        </row>
        <row r="210">
          <cell r="E210" t="str">
            <v xml:space="preserve">SN  </v>
          </cell>
          <cell r="AR210">
            <v>32</v>
          </cell>
        </row>
        <row r="211">
          <cell r="E211" t="str">
            <v xml:space="preserve">SO  </v>
          </cell>
          <cell r="AR211">
            <v>32</v>
          </cell>
        </row>
        <row r="212">
          <cell r="E212" t="str">
            <v xml:space="preserve">SR  </v>
          </cell>
          <cell r="AR212">
            <v>32</v>
          </cell>
        </row>
        <row r="213">
          <cell r="E213" t="str">
            <v xml:space="preserve">ST  </v>
          </cell>
          <cell r="AR213">
            <v>32</v>
          </cell>
        </row>
        <row r="214">
          <cell r="E214" t="str">
            <v xml:space="preserve">SU  </v>
          </cell>
          <cell r="AR214">
            <v>32</v>
          </cell>
        </row>
        <row r="215">
          <cell r="E215" t="str">
            <v xml:space="preserve">SV  </v>
          </cell>
          <cell r="AR215">
            <v>33</v>
          </cell>
        </row>
        <row r="216">
          <cell r="E216" t="str">
            <v xml:space="preserve">SY  </v>
          </cell>
          <cell r="AR216">
            <v>33</v>
          </cell>
        </row>
        <row r="217">
          <cell r="E217" t="str">
            <v xml:space="preserve">SZ  </v>
          </cell>
          <cell r="AR217">
            <v>33</v>
          </cell>
        </row>
        <row r="218">
          <cell r="E218" t="str">
            <v xml:space="preserve">TC  </v>
          </cell>
          <cell r="AR218">
            <v>33</v>
          </cell>
        </row>
        <row r="219">
          <cell r="E219" t="str">
            <v xml:space="preserve">TD  </v>
          </cell>
          <cell r="AR219">
            <v>33</v>
          </cell>
        </row>
        <row r="220">
          <cell r="E220" t="str">
            <v xml:space="preserve">TF  </v>
          </cell>
          <cell r="AR220">
            <v>33</v>
          </cell>
        </row>
        <row r="221">
          <cell r="E221" t="str">
            <v xml:space="preserve">TG  </v>
          </cell>
          <cell r="AR221">
            <v>33</v>
          </cell>
        </row>
        <row r="222">
          <cell r="E222" t="str">
            <v xml:space="preserve">TH  </v>
          </cell>
          <cell r="AR222">
            <v>34</v>
          </cell>
        </row>
        <row r="223">
          <cell r="E223" t="str">
            <v xml:space="preserve">TJ  </v>
          </cell>
          <cell r="AR223">
            <v>34</v>
          </cell>
        </row>
        <row r="224">
          <cell r="E224" t="str">
            <v xml:space="preserve">TK  </v>
          </cell>
          <cell r="AR224">
            <v>34</v>
          </cell>
        </row>
        <row r="225">
          <cell r="E225" t="str">
            <v xml:space="preserve">TL  </v>
          </cell>
          <cell r="AR225">
            <v>34</v>
          </cell>
        </row>
        <row r="226">
          <cell r="E226" t="str">
            <v xml:space="preserve">TM  </v>
          </cell>
          <cell r="AR226">
            <v>35</v>
          </cell>
        </row>
        <row r="227">
          <cell r="E227" t="str">
            <v xml:space="preserve">TN  </v>
          </cell>
          <cell r="AR227">
            <v>35</v>
          </cell>
        </row>
        <row r="228">
          <cell r="E228" t="str">
            <v xml:space="preserve">TN  </v>
          </cell>
          <cell r="AR228">
            <v>35</v>
          </cell>
        </row>
        <row r="229">
          <cell r="E229" t="str">
            <v xml:space="preserve">TO  </v>
          </cell>
          <cell r="AR229">
            <v>36</v>
          </cell>
        </row>
        <row r="230">
          <cell r="E230" t="str">
            <v xml:space="preserve">TP  </v>
          </cell>
          <cell r="AR230">
            <v>36</v>
          </cell>
        </row>
        <row r="231">
          <cell r="E231" t="str">
            <v xml:space="preserve">TR  </v>
          </cell>
          <cell r="AR231">
            <v>36</v>
          </cell>
        </row>
        <row r="232">
          <cell r="E232" t="str">
            <v xml:space="preserve">TT  </v>
          </cell>
          <cell r="AR232">
            <v>36</v>
          </cell>
        </row>
        <row r="233">
          <cell r="E233" t="str">
            <v xml:space="preserve">TV  </v>
          </cell>
          <cell r="AR233">
            <v>36</v>
          </cell>
        </row>
        <row r="234">
          <cell r="E234" t="str">
            <v xml:space="preserve">TW  </v>
          </cell>
          <cell r="AR234">
            <v>36</v>
          </cell>
        </row>
        <row r="235">
          <cell r="E235" t="str">
            <v xml:space="preserve">TZ  </v>
          </cell>
          <cell r="AR235">
            <v>36</v>
          </cell>
        </row>
        <row r="236">
          <cell r="E236" t="str">
            <v xml:space="preserve">UA  </v>
          </cell>
          <cell r="AR236">
            <v>36</v>
          </cell>
        </row>
        <row r="237">
          <cell r="E237" t="str">
            <v xml:space="preserve">UE  </v>
          </cell>
          <cell r="AR237">
            <v>36</v>
          </cell>
        </row>
        <row r="238">
          <cell r="E238" t="str">
            <v xml:space="preserve">UG  </v>
          </cell>
          <cell r="AR238">
            <v>36</v>
          </cell>
        </row>
        <row r="239">
          <cell r="E239" t="str">
            <v xml:space="preserve">UM  </v>
          </cell>
          <cell r="AR239">
            <v>36</v>
          </cell>
        </row>
        <row r="240">
          <cell r="E240" t="str">
            <v xml:space="preserve">US  </v>
          </cell>
          <cell r="AR240">
            <v>37</v>
          </cell>
        </row>
        <row r="241">
          <cell r="E241" t="str">
            <v xml:space="preserve">UY  </v>
          </cell>
          <cell r="AR241">
            <v>37</v>
          </cell>
        </row>
        <row r="242">
          <cell r="E242" t="str">
            <v xml:space="preserve">UZ  </v>
          </cell>
          <cell r="AR242">
            <v>37</v>
          </cell>
        </row>
        <row r="243">
          <cell r="E243" t="str">
            <v xml:space="preserve">VA  </v>
          </cell>
          <cell r="AR243">
            <v>37</v>
          </cell>
        </row>
        <row r="244">
          <cell r="E244" t="str">
            <v xml:space="preserve">VC  </v>
          </cell>
          <cell r="AR244">
            <v>38</v>
          </cell>
        </row>
        <row r="245">
          <cell r="E245" t="str">
            <v xml:space="preserve">VE  </v>
          </cell>
          <cell r="AR245">
            <v>38</v>
          </cell>
        </row>
        <row r="246">
          <cell r="E246" t="str">
            <v xml:space="preserve">VG  </v>
          </cell>
          <cell r="AR246">
            <v>38</v>
          </cell>
        </row>
        <row r="247">
          <cell r="E247" t="str">
            <v xml:space="preserve">VI  </v>
          </cell>
          <cell r="AR247">
            <v>38</v>
          </cell>
        </row>
        <row r="248">
          <cell r="E248" t="str">
            <v xml:space="preserve">VN  </v>
          </cell>
          <cell r="AR248">
            <v>38</v>
          </cell>
        </row>
        <row r="249">
          <cell r="E249" t="str">
            <v xml:space="preserve">VU  </v>
          </cell>
          <cell r="AR249">
            <v>38</v>
          </cell>
        </row>
        <row r="250">
          <cell r="E250" t="str">
            <v xml:space="preserve">WF  </v>
          </cell>
          <cell r="AR250">
            <v>38</v>
          </cell>
        </row>
        <row r="251">
          <cell r="E251" t="str">
            <v xml:space="preserve">WS  </v>
          </cell>
          <cell r="AR251">
            <v>38</v>
          </cell>
        </row>
        <row r="252">
          <cell r="E252" t="str">
            <v xml:space="preserve">YD  </v>
          </cell>
          <cell r="AR252">
            <v>40</v>
          </cell>
        </row>
        <row r="253">
          <cell r="E253" t="str">
            <v xml:space="preserve">YE  </v>
          </cell>
          <cell r="AR253">
            <v>40</v>
          </cell>
        </row>
        <row r="254">
          <cell r="E254" t="str">
            <v xml:space="preserve">YT  </v>
          </cell>
          <cell r="AR254">
            <v>40</v>
          </cell>
        </row>
        <row r="255">
          <cell r="E255" t="str">
            <v xml:space="preserve">YU  </v>
          </cell>
          <cell r="AR255">
            <v>40</v>
          </cell>
        </row>
        <row r="256">
          <cell r="E256" t="str">
            <v xml:space="preserve">ZA  </v>
          </cell>
          <cell r="AR256">
            <v>40</v>
          </cell>
        </row>
        <row r="257">
          <cell r="E257" t="str">
            <v xml:space="preserve">ZM  </v>
          </cell>
          <cell r="AR257">
            <v>40</v>
          </cell>
        </row>
        <row r="258">
          <cell r="E258" t="str">
            <v xml:space="preserve">ZR  </v>
          </cell>
          <cell r="AR258">
            <v>40</v>
          </cell>
        </row>
        <row r="259">
          <cell r="E259" t="str">
            <v xml:space="preserve">ZW  </v>
          </cell>
          <cell r="AR259">
            <v>40</v>
          </cell>
        </row>
        <row r="260">
          <cell r="AR260">
            <v>40</v>
          </cell>
        </row>
        <row r="261">
          <cell r="AR261">
            <v>40</v>
          </cell>
        </row>
        <row r="262">
          <cell r="AR262">
            <v>40</v>
          </cell>
        </row>
        <row r="263">
          <cell r="AR263">
            <v>40</v>
          </cell>
        </row>
        <row r="264">
          <cell r="AR264">
            <v>41</v>
          </cell>
        </row>
        <row r="265">
          <cell r="AR265">
            <v>41</v>
          </cell>
        </row>
        <row r="266">
          <cell r="AR266">
            <v>41</v>
          </cell>
        </row>
        <row r="267">
          <cell r="AR267">
            <v>42</v>
          </cell>
        </row>
        <row r="268">
          <cell r="AR268">
            <v>42</v>
          </cell>
        </row>
        <row r="269">
          <cell r="AR269">
            <v>42</v>
          </cell>
        </row>
        <row r="270">
          <cell r="AR270">
            <v>42</v>
          </cell>
        </row>
        <row r="271">
          <cell r="AR271">
            <v>42</v>
          </cell>
        </row>
        <row r="272">
          <cell r="AR272">
            <v>43</v>
          </cell>
        </row>
        <row r="273">
          <cell r="AR273">
            <v>43</v>
          </cell>
        </row>
        <row r="274">
          <cell r="AR274">
            <v>43</v>
          </cell>
        </row>
        <row r="275">
          <cell r="AR275">
            <v>43</v>
          </cell>
        </row>
        <row r="276">
          <cell r="AR276">
            <v>44</v>
          </cell>
        </row>
        <row r="277">
          <cell r="AR277">
            <v>44</v>
          </cell>
        </row>
        <row r="278">
          <cell r="AR278">
            <v>44</v>
          </cell>
        </row>
        <row r="279">
          <cell r="AR279">
            <v>44</v>
          </cell>
        </row>
        <row r="280">
          <cell r="AR280">
            <v>44</v>
          </cell>
        </row>
        <row r="281">
          <cell r="AR281">
            <v>45</v>
          </cell>
        </row>
        <row r="282">
          <cell r="AR282">
            <v>45</v>
          </cell>
        </row>
        <row r="283">
          <cell r="AR283">
            <v>45</v>
          </cell>
        </row>
        <row r="284">
          <cell r="AR284">
            <v>45</v>
          </cell>
        </row>
        <row r="285">
          <cell r="AR285">
            <v>45</v>
          </cell>
        </row>
        <row r="286">
          <cell r="AR286">
            <v>45</v>
          </cell>
        </row>
        <row r="287">
          <cell r="AR287">
            <v>46</v>
          </cell>
        </row>
        <row r="288">
          <cell r="AR288">
            <v>46</v>
          </cell>
        </row>
        <row r="289">
          <cell r="AR289">
            <v>46</v>
          </cell>
        </row>
        <row r="290">
          <cell r="AR290">
            <v>46</v>
          </cell>
        </row>
        <row r="291">
          <cell r="AR291">
            <v>46</v>
          </cell>
        </row>
        <row r="292">
          <cell r="AR292">
            <v>46</v>
          </cell>
        </row>
        <row r="293">
          <cell r="AR293">
            <v>46</v>
          </cell>
        </row>
        <row r="294">
          <cell r="AR294">
            <v>46</v>
          </cell>
        </row>
        <row r="295">
          <cell r="AR295">
            <v>47</v>
          </cell>
        </row>
        <row r="296">
          <cell r="AR296">
            <v>47</v>
          </cell>
        </row>
        <row r="297">
          <cell r="AR297">
            <v>47</v>
          </cell>
        </row>
        <row r="298">
          <cell r="AR298">
            <v>47</v>
          </cell>
        </row>
        <row r="299">
          <cell r="AR299">
            <v>47</v>
          </cell>
        </row>
        <row r="300">
          <cell r="AR300">
            <v>48</v>
          </cell>
        </row>
        <row r="301">
          <cell r="AR301">
            <v>48</v>
          </cell>
        </row>
        <row r="302">
          <cell r="AR302">
            <v>48</v>
          </cell>
        </row>
        <row r="303">
          <cell r="AR303">
            <v>48</v>
          </cell>
        </row>
        <row r="304">
          <cell r="AR304">
            <v>48</v>
          </cell>
        </row>
        <row r="305">
          <cell r="AR305">
            <v>49</v>
          </cell>
        </row>
        <row r="306">
          <cell r="AR306">
            <v>49</v>
          </cell>
        </row>
        <row r="307">
          <cell r="AR307">
            <v>49</v>
          </cell>
        </row>
        <row r="308">
          <cell r="AR308">
            <v>50</v>
          </cell>
        </row>
        <row r="309">
          <cell r="AR309">
            <v>50</v>
          </cell>
        </row>
        <row r="310">
          <cell r="AR310">
            <v>50</v>
          </cell>
        </row>
        <row r="311">
          <cell r="AR311">
            <v>51</v>
          </cell>
        </row>
        <row r="312">
          <cell r="AR312">
            <v>51</v>
          </cell>
        </row>
        <row r="313">
          <cell r="AR313">
            <v>51</v>
          </cell>
        </row>
        <row r="314">
          <cell r="AR314">
            <v>52</v>
          </cell>
        </row>
        <row r="315">
          <cell r="AR315">
            <v>53</v>
          </cell>
        </row>
        <row r="316">
          <cell r="AR316">
            <v>53</v>
          </cell>
        </row>
        <row r="317">
          <cell r="AR317">
            <v>53</v>
          </cell>
        </row>
        <row r="318">
          <cell r="AR318">
            <v>54</v>
          </cell>
        </row>
        <row r="319">
          <cell r="AR319">
            <v>54</v>
          </cell>
        </row>
        <row r="320">
          <cell r="AR320">
            <v>54</v>
          </cell>
        </row>
        <row r="321">
          <cell r="AR321">
            <v>54</v>
          </cell>
        </row>
        <row r="322">
          <cell r="AR322">
            <v>54</v>
          </cell>
        </row>
        <row r="323">
          <cell r="AR323">
            <v>55</v>
          </cell>
        </row>
        <row r="324">
          <cell r="AR324">
            <v>55</v>
          </cell>
        </row>
        <row r="325">
          <cell r="AR325">
            <v>55</v>
          </cell>
        </row>
        <row r="326">
          <cell r="AR326">
            <v>55</v>
          </cell>
        </row>
        <row r="327">
          <cell r="AR327">
            <v>55</v>
          </cell>
        </row>
        <row r="328">
          <cell r="AR328">
            <v>56</v>
          </cell>
        </row>
        <row r="329">
          <cell r="AR329">
            <v>56</v>
          </cell>
        </row>
        <row r="330">
          <cell r="AR330">
            <v>56</v>
          </cell>
        </row>
        <row r="331">
          <cell r="AR331">
            <v>56</v>
          </cell>
        </row>
        <row r="332">
          <cell r="AR332">
            <v>56</v>
          </cell>
        </row>
        <row r="333">
          <cell r="AR333">
            <v>56</v>
          </cell>
        </row>
        <row r="334">
          <cell r="AR334">
            <v>56</v>
          </cell>
        </row>
        <row r="335">
          <cell r="AR335">
            <v>57</v>
          </cell>
        </row>
        <row r="336">
          <cell r="AR336">
            <v>57</v>
          </cell>
        </row>
        <row r="337">
          <cell r="AR337">
            <v>57</v>
          </cell>
        </row>
        <row r="338">
          <cell r="AR338">
            <v>58</v>
          </cell>
        </row>
        <row r="339">
          <cell r="AR339">
            <v>58</v>
          </cell>
        </row>
        <row r="340">
          <cell r="AR340">
            <v>58</v>
          </cell>
        </row>
        <row r="341">
          <cell r="AR341">
            <v>58</v>
          </cell>
        </row>
        <row r="342">
          <cell r="AR342">
            <v>59</v>
          </cell>
        </row>
        <row r="343">
          <cell r="AR343">
            <v>60</v>
          </cell>
        </row>
        <row r="344">
          <cell r="AR344">
            <v>60</v>
          </cell>
        </row>
        <row r="345">
          <cell r="AR345">
            <v>60</v>
          </cell>
        </row>
        <row r="346">
          <cell r="AR346">
            <v>60</v>
          </cell>
        </row>
        <row r="347">
          <cell r="AR347">
            <v>61</v>
          </cell>
        </row>
        <row r="348">
          <cell r="AR348">
            <v>61</v>
          </cell>
        </row>
        <row r="349">
          <cell r="AR349">
            <v>61</v>
          </cell>
        </row>
        <row r="350">
          <cell r="AR350">
            <v>61</v>
          </cell>
        </row>
        <row r="351">
          <cell r="AR351">
            <v>61</v>
          </cell>
        </row>
        <row r="352">
          <cell r="AR352">
            <v>61</v>
          </cell>
        </row>
        <row r="353">
          <cell r="AR353">
            <v>61</v>
          </cell>
        </row>
        <row r="354">
          <cell r="AR354">
            <v>62</v>
          </cell>
        </row>
        <row r="355">
          <cell r="AR355">
            <v>62</v>
          </cell>
        </row>
        <row r="356">
          <cell r="AR356">
            <v>62</v>
          </cell>
        </row>
        <row r="357">
          <cell r="AR357">
            <v>62</v>
          </cell>
        </row>
        <row r="358">
          <cell r="AR358">
            <v>62</v>
          </cell>
        </row>
        <row r="359">
          <cell r="AR359">
            <v>62</v>
          </cell>
        </row>
        <row r="360">
          <cell r="AR360">
            <v>63</v>
          </cell>
        </row>
        <row r="361">
          <cell r="AR361">
            <v>63</v>
          </cell>
        </row>
        <row r="362">
          <cell r="AR362">
            <v>63</v>
          </cell>
        </row>
        <row r="363">
          <cell r="AR363">
            <v>63</v>
          </cell>
        </row>
        <row r="364">
          <cell r="AR364">
            <v>64</v>
          </cell>
        </row>
        <row r="365">
          <cell r="AR365">
            <v>65</v>
          </cell>
        </row>
        <row r="366">
          <cell r="AR366">
            <v>65</v>
          </cell>
        </row>
        <row r="367">
          <cell r="AR367">
            <v>65</v>
          </cell>
        </row>
        <row r="368">
          <cell r="AR368">
            <v>65</v>
          </cell>
        </row>
        <row r="369">
          <cell r="AR369">
            <v>65</v>
          </cell>
        </row>
        <row r="370">
          <cell r="AR370">
            <v>65</v>
          </cell>
        </row>
        <row r="371">
          <cell r="AR371">
            <v>65</v>
          </cell>
        </row>
        <row r="372">
          <cell r="AR372">
            <v>65</v>
          </cell>
        </row>
        <row r="373">
          <cell r="AR373">
            <v>65</v>
          </cell>
        </row>
        <row r="374">
          <cell r="AR374">
            <v>65</v>
          </cell>
        </row>
        <row r="375">
          <cell r="AR375">
            <v>65</v>
          </cell>
        </row>
        <row r="376">
          <cell r="AR376">
            <v>66</v>
          </cell>
        </row>
        <row r="377">
          <cell r="AR377">
            <v>66</v>
          </cell>
        </row>
        <row r="378">
          <cell r="AR378">
            <v>66</v>
          </cell>
        </row>
        <row r="379">
          <cell r="AR379">
            <v>66</v>
          </cell>
        </row>
        <row r="380">
          <cell r="AR380">
            <v>66</v>
          </cell>
        </row>
        <row r="381">
          <cell r="AR381">
            <v>67</v>
          </cell>
        </row>
        <row r="382">
          <cell r="AR382">
            <v>67</v>
          </cell>
        </row>
        <row r="383">
          <cell r="AR383">
            <v>67</v>
          </cell>
        </row>
        <row r="384">
          <cell r="AR384">
            <v>67</v>
          </cell>
        </row>
        <row r="385">
          <cell r="AR385">
            <v>67</v>
          </cell>
        </row>
        <row r="386">
          <cell r="AR386">
            <v>67</v>
          </cell>
        </row>
        <row r="387">
          <cell r="AR387">
            <v>68</v>
          </cell>
        </row>
        <row r="388">
          <cell r="AR388">
            <v>68</v>
          </cell>
        </row>
        <row r="389">
          <cell r="AR389">
            <v>68</v>
          </cell>
        </row>
        <row r="390">
          <cell r="AR390">
            <v>69</v>
          </cell>
        </row>
        <row r="391">
          <cell r="AR391">
            <v>69</v>
          </cell>
        </row>
        <row r="392">
          <cell r="AR392">
            <v>69</v>
          </cell>
        </row>
        <row r="393">
          <cell r="AR393">
            <v>69</v>
          </cell>
        </row>
        <row r="394">
          <cell r="AR394">
            <v>69</v>
          </cell>
        </row>
        <row r="395">
          <cell r="AR395">
            <v>69</v>
          </cell>
        </row>
        <row r="396">
          <cell r="AR396">
            <v>71</v>
          </cell>
        </row>
        <row r="397">
          <cell r="AR397">
            <v>71</v>
          </cell>
        </row>
        <row r="398">
          <cell r="AR398">
            <v>71</v>
          </cell>
        </row>
        <row r="399">
          <cell r="AR399">
            <v>72</v>
          </cell>
        </row>
        <row r="400">
          <cell r="AR400">
            <v>72</v>
          </cell>
        </row>
        <row r="401">
          <cell r="AR401">
            <v>72</v>
          </cell>
        </row>
        <row r="402">
          <cell r="AR402">
            <v>72</v>
          </cell>
        </row>
        <row r="403">
          <cell r="AR403">
            <v>73</v>
          </cell>
        </row>
        <row r="404">
          <cell r="AR404">
            <v>74</v>
          </cell>
        </row>
        <row r="405">
          <cell r="AR405">
            <v>74</v>
          </cell>
        </row>
        <row r="406">
          <cell r="AR406">
            <v>74</v>
          </cell>
        </row>
        <row r="407">
          <cell r="AR407">
            <v>75</v>
          </cell>
        </row>
        <row r="408">
          <cell r="AR408">
            <v>76</v>
          </cell>
        </row>
        <row r="409">
          <cell r="AR409">
            <v>77</v>
          </cell>
        </row>
        <row r="410">
          <cell r="AR410">
            <v>77</v>
          </cell>
        </row>
        <row r="411">
          <cell r="AR411">
            <v>77</v>
          </cell>
        </row>
        <row r="412">
          <cell r="AR412">
            <v>77</v>
          </cell>
        </row>
        <row r="413">
          <cell r="AR413">
            <v>77</v>
          </cell>
        </row>
        <row r="414">
          <cell r="AR414">
            <v>77</v>
          </cell>
        </row>
        <row r="415">
          <cell r="AR415">
            <v>78</v>
          </cell>
        </row>
        <row r="416">
          <cell r="AR416">
            <v>78</v>
          </cell>
        </row>
        <row r="417">
          <cell r="AR417">
            <v>78</v>
          </cell>
        </row>
        <row r="418">
          <cell r="AR418">
            <v>78</v>
          </cell>
        </row>
        <row r="419">
          <cell r="AR419">
            <v>78</v>
          </cell>
        </row>
        <row r="420">
          <cell r="AR420">
            <v>79</v>
          </cell>
        </row>
        <row r="421">
          <cell r="AR421">
            <v>79</v>
          </cell>
        </row>
        <row r="422">
          <cell r="AR422">
            <v>79</v>
          </cell>
        </row>
        <row r="423">
          <cell r="AR423">
            <v>80</v>
          </cell>
        </row>
        <row r="424">
          <cell r="AR424">
            <v>80</v>
          </cell>
        </row>
        <row r="425">
          <cell r="AR425">
            <v>80</v>
          </cell>
        </row>
        <row r="426">
          <cell r="AR426">
            <v>81</v>
          </cell>
        </row>
        <row r="427">
          <cell r="AR427">
            <v>81</v>
          </cell>
        </row>
        <row r="428">
          <cell r="AR428">
            <v>81</v>
          </cell>
        </row>
        <row r="429">
          <cell r="AR429">
            <v>81</v>
          </cell>
        </row>
        <row r="430">
          <cell r="AR430">
            <v>81</v>
          </cell>
        </row>
        <row r="431">
          <cell r="AR431">
            <v>9999</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LANILLA"/>
      <sheetName val="VARIABLES"/>
      <sheetName val="ACUSE"/>
      <sheetName val="CHECKLIST"/>
      <sheetName val="FIRMA"/>
      <sheetName val="FIRMA2"/>
      <sheetName val="CIC"/>
      <sheetName val="DATOS GENERALES"/>
      <sheetName val="CONSTANCIA"/>
      <sheetName val="FORMULARIO REPOSICION"/>
      <sheetName val="DETALLE"/>
      <sheetName val="SOLICITUD"/>
      <sheetName val="DETALLE1"/>
      <sheetName val="RB CUENTAS"/>
      <sheetName val="Sheet1"/>
      <sheetName val="Datos_Maestro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ow r="3">
          <cell r="AT3" t="str">
            <v>COD_DISTRITO</v>
          </cell>
        </row>
        <row r="4">
          <cell r="AR4">
            <v>1</v>
          </cell>
          <cell r="BE4" t="str">
            <v>SI</v>
          </cell>
          <cell r="BF4" t="str">
            <v>NUEVA</v>
          </cell>
        </row>
        <row r="5">
          <cell r="AR5">
            <v>1</v>
          </cell>
          <cell r="BE5" t="str">
            <v>NO</v>
          </cell>
          <cell r="BF5" t="str">
            <v>REPOSICION</v>
          </cell>
        </row>
        <row r="6">
          <cell r="AR6">
            <v>1</v>
          </cell>
        </row>
        <row r="7">
          <cell r="AR7">
            <v>1</v>
          </cell>
        </row>
        <row r="8">
          <cell r="AR8">
            <v>1</v>
          </cell>
        </row>
        <row r="9">
          <cell r="AR9">
            <v>1</v>
          </cell>
        </row>
        <row r="10">
          <cell r="AR10">
            <v>1</v>
          </cell>
        </row>
        <row r="11">
          <cell r="AR11">
            <v>1</v>
          </cell>
        </row>
        <row r="12">
          <cell r="AR12">
            <v>1</v>
          </cell>
        </row>
        <row r="13">
          <cell r="AR13">
            <v>1</v>
          </cell>
        </row>
        <row r="14">
          <cell r="AR14">
            <v>2</v>
          </cell>
        </row>
        <row r="15">
          <cell r="AR15">
            <v>2</v>
          </cell>
        </row>
        <row r="16">
          <cell r="AR16">
            <v>2</v>
          </cell>
        </row>
        <row r="17">
          <cell r="AR17">
            <v>3</v>
          </cell>
        </row>
        <row r="18">
          <cell r="B18" t="str">
            <v>94 SUCURSAL MULTIPLAZA</v>
          </cell>
          <cell r="AR18">
            <v>3</v>
          </cell>
        </row>
        <row r="19">
          <cell r="B19" t="str">
            <v>102 SUCURSAL ALAJUELA CATEDRAL</v>
          </cell>
          <cell r="AR19">
            <v>3</v>
          </cell>
        </row>
        <row r="20">
          <cell r="B20" t="str">
            <v>103 SUCURSAL HEREDIA NORTE</v>
          </cell>
          <cell r="AR20">
            <v>3</v>
          </cell>
        </row>
        <row r="21">
          <cell r="B21" t="str">
            <v>104 SUCURSAL CARTAGO</v>
          </cell>
          <cell r="AR21">
            <v>3</v>
          </cell>
        </row>
        <row r="22">
          <cell r="B22" t="str">
            <v>105 SUCURSAL GUADALUPE</v>
          </cell>
          <cell r="AR22">
            <v>3</v>
          </cell>
        </row>
        <row r="23">
          <cell r="B23" t="str">
            <v>107 SUCURSAL DESAMPARADOS CC</v>
          </cell>
          <cell r="AR23">
            <v>3</v>
          </cell>
        </row>
        <row r="24">
          <cell r="B24" t="str">
            <v>108 SUCURSAL TREJOS MONTEALEGRE</v>
          </cell>
          <cell r="AR24">
            <v>3</v>
          </cell>
        </row>
        <row r="25">
          <cell r="B25" t="str">
            <v>110 SUCURSAL PAVAS</v>
          </cell>
          <cell r="AR25">
            <v>3</v>
          </cell>
        </row>
        <row r="26">
          <cell r="B26" t="str">
            <v>112 SUCURSAL SAN JOSÉ CENTRO</v>
          </cell>
          <cell r="AR26">
            <v>3</v>
          </cell>
        </row>
        <row r="27">
          <cell r="B27" t="str">
            <v>113 SUCURSAL SABANA</v>
          </cell>
          <cell r="AR27">
            <v>3</v>
          </cell>
        </row>
        <row r="28">
          <cell r="B28" t="str">
            <v>114 SUCURSAL GUAPILES</v>
          </cell>
          <cell r="AR28">
            <v>3</v>
          </cell>
        </row>
        <row r="29">
          <cell r="B29" t="str">
            <v>116 SUCURSAL BARVA</v>
          </cell>
          <cell r="AR29">
            <v>3</v>
          </cell>
        </row>
        <row r="30">
          <cell r="B30" t="str">
            <v>117 SUCURSAL CURRIDABAT</v>
          </cell>
          <cell r="AR30">
            <v>4</v>
          </cell>
        </row>
        <row r="31">
          <cell r="B31" t="str">
            <v>118 SUCURSAL LAURELES</v>
          </cell>
          <cell r="AR31">
            <v>4</v>
          </cell>
        </row>
        <row r="32">
          <cell r="B32" t="str">
            <v>119 SUCURSAL GLOBAL PARK</v>
          </cell>
          <cell r="AR32">
            <v>4</v>
          </cell>
        </row>
        <row r="33">
          <cell r="B33" t="str">
            <v>121 SUCURSAL SAN FRANCISCO DE DOS RÍOS</v>
          </cell>
          <cell r="AR33">
            <v>4</v>
          </cell>
        </row>
        <row r="34">
          <cell r="B34" t="str">
            <v>122 SUCURSAL SAN RAMON</v>
          </cell>
          <cell r="AR34">
            <v>4</v>
          </cell>
        </row>
        <row r="35">
          <cell r="B35" t="str">
            <v>123 SUCURSAL PASEO LAS FLORES EXTERNA</v>
          </cell>
          <cell r="AR35">
            <v>4</v>
          </cell>
        </row>
        <row r="36">
          <cell r="B36" t="str">
            <v>125 SUCURSAL SAN CARLOS</v>
          </cell>
          <cell r="AR36">
            <v>4</v>
          </cell>
        </row>
        <row r="37">
          <cell r="B37" t="str">
            <v>126 SUCURSAL SANTA ANA</v>
          </cell>
          <cell r="AR37">
            <v>4</v>
          </cell>
        </row>
        <row r="38">
          <cell r="B38" t="str">
            <v>127 SUCURSAL PEREZ ZELEDON CENTRO</v>
          </cell>
          <cell r="AR38">
            <v>5</v>
          </cell>
        </row>
        <row r="39">
          <cell r="B39" t="str">
            <v>128 SUCURSAL LIBERIA SANTA ROSA</v>
          </cell>
          <cell r="AR39">
            <v>5</v>
          </cell>
        </row>
        <row r="40">
          <cell r="B40" t="str">
            <v>129 SUCURSAL LOS SUEÑOS</v>
          </cell>
          <cell r="AR40">
            <v>5</v>
          </cell>
        </row>
        <row r="41">
          <cell r="B41" t="str">
            <v>134 SUCURSAL GRECIA</v>
          </cell>
          <cell r="AR41">
            <v>6</v>
          </cell>
        </row>
        <row r="42">
          <cell r="B42" t="str">
            <v>276 SUCURSAL MALL INTERNACIONAL</v>
          </cell>
          <cell r="AR42">
            <v>6</v>
          </cell>
        </row>
        <row r="43">
          <cell r="B43" t="str">
            <v>318 SUCURSAL LINCOLN PLAZA</v>
          </cell>
          <cell r="AR43">
            <v>6</v>
          </cell>
        </row>
        <row r="44">
          <cell r="B44" t="str">
            <v>341 SUCURSAL PLAZA CAROLINA</v>
          </cell>
          <cell r="AR44">
            <v>6</v>
          </cell>
        </row>
        <row r="45">
          <cell r="B45" t="str">
            <v>343 SUCURSAL LAGUINILLA</v>
          </cell>
          <cell r="AR45">
            <v>6</v>
          </cell>
        </row>
        <row r="46">
          <cell r="B46" t="str">
            <v>473 SUCURSAL LIMON</v>
          </cell>
          <cell r="AR46">
            <v>6</v>
          </cell>
        </row>
        <row r="47">
          <cell r="B47" t="str">
            <v>512 SUCURSAL TORRE</v>
          </cell>
          <cell r="AR47">
            <v>6</v>
          </cell>
        </row>
        <row r="48">
          <cell r="B48" t="str">
            <v>771 SUCURSAL FORUM</v>
          </cell>
          <cell r="AR48">
            <v>7</v>
          </cell>
        </row>
        <row r="49">
          <cell r="B49" t="str">
            <v>814 SUCURSAL TIBAS</v>
          </cell>
          <cell r="AR49">
            <v>7</v>
          </cell>
        </row>
        <row r="50">
          <cell r="B50" t="str">
            <v>829 SUCURSAL SAN PEDRO</v>
          </cell>
          <cell r="AR50">
            <v>7</v>
          </cell>
        </row>
        <row r="51">
          <cell r="B51" t="str">
            <v>831 SUCURSAL ESCAZU CRUCE</v>
          </cell>
          <cell r="AR51">
            <v>7</v>
          </cell>
        </row>
        <row r="52">
          <cell r="B52" t="str">
            <v>879 SUCURSAL TERRAMALL</v>
          </cell>
          <cell r="AR52">
            <v>7</v>
          </cell>
        </row>
        <row r="53">
          <cell r="B53" t="str">
            <v>880 SUCURSAL ROHRMOSER</v>
          </cell>
          <cell r="AR53">
            <v>8</v>
          </cell>
        </row>
        <row r="54">
          <cell r="AR54">
            <v>8</v>
          </cell>
        </row>
        <row r="55">
          <cell r="AR55">
            <v>8</v>
          </cell>
        </row>
        <row r="56">
          <cell r="AR56">
            <v>8</v>
          </cell>
        </row>
        <row r="57">
          <cell r="AR57">
            <v>8</v>
          </cell>
        </row>
        <row r="58">
          <cell r="AR58">
            <v>8</v>
          </cell>
        </row>
        <row r="59">
          <cell r="AR59">
            <v>8</v>
          </cell>
        </row>
        <row r="60">
          <cell r="AR60">
            <v>9</v>
          </cell>
        </row>
        <row r="61">
          <cell r="AR61">
            <v>9</v>
          </cell>
        </row>
        <row r="62">
          <cell r="AR62">
            <v>9</v>
          </cell>
        </row>
        <row r="63">
          <cell r="AR63">
            <v>9</v>
          </cell>
        </row>
        <row r="64">
          <cell r="AR64">
            <v>9</v>
          </cell>
        </row>
        <row r="65">
          <cell r="AR65">
            <v>9</v>
          </cell>
        </row>
        <row r="66">
          <cell r="AR66">
            <v>10</v>
          </cell>
        </row>
        <row r="67">
          <cell r="AR67">
            <v>10</v>
          </cell>
        </row>
        <row r="68">
          <cell r="AR68">
            <v>10</v>
          </cell>
        </row>
        <row r="69">
          <cell r="AR69">
            <v>10</v>
          </cell>
        </row>
        <row r="70">
          <cell r="AR70">
            <v>10</v>
          </cell>
        </row>
        <row r="71">
          <cell r="AR71">
            <v>10</v>
          </cell>
        </row>
        <row r="72">
          <cell r="AR72">
            <v>10</v>
          </cell>
        </row>
        <row r="73">
          <cell r="AR73">
            <v>10</v>
          </cell>
        </row>
        <row r="74">
          <cell r="AR74">
            <v>10</v>
          </cell>
        </row>
        <row r="75">
          <cell r="AR75">
            <v>10</v>
          </cell>
        </row>
        <row r="76">
          <cell r="AR76">
            <v>10</v>
          </cell>
        </row>
        <row r="77">
          <cell r="AR77">
            <v>10</v>
          </cell>
        </row>
        <row r="78">
          <cell r="AR78">
            <v>10</v>
          </cell>
        </row>
        <row r="79">
          <cell r="AR79">
            <v>10</v>
          </cell>
        </row>
        <row r="80">
          <cell r="AR80">
            <v>10</v>
          </cell>
        </row>
        <row r="81">
          <cell r="AR81">
            <v>11</v>
          </cell>
        </row>
        <row r="82">
          <cell r="AR82">
            <v>11</v>
          </cell>
        </row>
        <row r="83">
          <cell r="AR83">
            <v>11</v>
          </cell>
        </row>
        <row r="84">
          <cell r="AR84">
            <v>11</v>
          </cell>
        </row>
        <row r="85">
          <cell r="AR85">
            <v>11</v>
          </cell>
        </row>
        <row r="86">
          <cell r="AR86">
            <v>12</v>
          </cell>
        </row>
        <row r="87">
          <cell r="AR87">
            <v>12</v>
          </cell>
        </row>
        <row r="88">
          <cell r="AR88">
            <v>12</v>
          </cell>
        </row>
        <row r="89">
          <cell r="AR89">
            <v>12</v>
          </cell>
        </row>
        <row r="90">
          <cell r="AR90">
            <v>12</v>
          </cell>
        </row>
        <row r="91">
          <cell r="AR91">
            <v>13</v>
          </cell>
        </row>
        <row r="92">
          <cell r="AR92">
            <v>13</v>
          </cell>
        </row>
        <row r="93">
          <cell r="AR93">
            <v>13</v>
          </cell>
        </row>
        <row r="94">
          <cell r="AR94">
            <v>13</v>
          </cell>
        </row>
        <row r="95">
          <cell r="AR95">
            <v>13</v>
          </cell>
        </row>
        <row r="96">
          <cell r="AR96">
            <v>14</v>
          </cell>
        </row>
        <row r="97">
          <cell r="AR97">
            <v>14</v>
          </cell>
        </row>
        <row r="98">
          <cell r="AR98">
            <v>14</v>
          </cell>
        </row>
        <row r="99">
          <cell r="AR99">
            <v>15</v>
          </cell>
        </row>
        <row r="100">
          <cell r="AR100">
            <v>15</v>
          </cell>
        </row>
        <row r="101">
          <cell r="AR101">
            <v>15</v>
          </cell>
        </row>
        <row r="102">
          <cell r="AR102">
            <v>15</v>
          </cell>
        </row>
        <row r="103">
          <cell r="AR103">
            <v>16</v>
          </cell>
        </row>
        <row r="104">
          <cell r="AR104">
            <v>16</v>
          </cell>
        </row>
        <row r="105">
          <cell r="AR105">
            <v>16</v>
          </cell>
        </row>
        <row r="106">
          <cell r="AR106">
            <v>16</v>
          </cell>
        </row>
        <row r="107">
          <cell r="AR107">
            <v>17</v>
          </cell>
        </row>
        <row r="108">
          <cell r="AR108">
            <v>17</v>
          </cell>
        </row>
        <row r="109">
          <cell r="AR109">
            <v>17</v>
          </cell>
        </row>
        <row r="110">
          <cell r="AR110">
            <v>18</v>
          </cell>
        </row>
        <row r="111">
          <cell r="AR111">
            <v>18</v>
          </cell>
        </row>
        <row r="112">
          <cell r="AR112">
            <v>18</v>
          </cell>
        </row>
        <row r="113">
          <cell r="AR113">
            <v>18</v>
          </cell>
        </row>
        <row r="114">
          <cell r="AR114">
            <v>19</v>
          </cell>
        </row>
        <row r="115">
          <cell r="AR115">
            <v>19</v>
          </cell>
        </row>
        <row r="116">
          <cell r="AR116">
            <v>19</v>
          </cell>
        </row>
        <row r="117">
          <cell r="AR117">
            <v>19</v>
          </cell>
        </row>
        <row r="118">
          <cell r="AR118">
            <v>19</v>
          </cell>
        </row>
        <row r="119">
          <cell r="AR119">
            <v>19</v>
          </cell>
        </row>
        <row r="120">
          <cell r="AR120">
            <v>19</v>
          </cell>
        </row>
        <row r="121">
          <cell r="AR121">
            <v>19</v>
          </cell>
        </row>
        <row r="122">
          <cell r="AR122">
            <v>19</v>
          </cell>
        </row>
        <row r="123">
          <cell r="AR123">
            <v>19</v>
          </cell>
        </row>
        <row r="124">
          <cell r="AR124">
            <v>19</v>
          </cell>
        </row>
        <row r="125">
          <cell r="AR125">
            <v>20</v>
          </cell>
        </row>
        <row r="126">
          <cell r="AR126">
            <v>20</v>
          </cell>
        </row>
        <row r="127">
          <cell r="AR127">
            <v>20</v>
          </cell>
        </row>
        <row r="128">
          <cell r="AR128">
            <v>20</v>
          </cell>
        </row>
        <row r="129">
          <cell r="AR129">
            <v>20</v>
          </cell>
        </row>
        <row r="130">
          <cell r="AR130">
            <v>21</v>
          </cell>
        </row>
        <row r="131">
          <cell r="AR131">
            <v>21</v>
          </cell>
        </row>
        <row r="132">
          <cell r="AR132">
            <v>21</v>
          </cell>
        </row>
        <row r="133">
          <cell r="AR133">
            <v>21</v>
          </cell>
        </row>
        <row r="134">
          <cell r="AR134">
            <v>21</v>
          </cell>
        </row>
        <row r="135">
          <cell r="AR135">
            <v>21</v>
          </cell>
        </row>
        <row r="136">
          <cell r="AR136">
            <v>21</v>
          </cell>
        </row>
        <row r="137">
          <cell r="AR137">
            <v>21</v>
          </cell>
        </row>
        <row r="138">
          <cell r="AR138">
            <v>21</v>
          </cell>
        </row>
        <row r="139">
          <cell r="AR139">
            <v>21</v>
          </cell>
        </row>
        <row r="140">
          <cell r="AR140">
            <v>21</v>
          </cell>
        </row>
        <row r="141">
          <cell r="AR141">
            <v>21</v>
          </cell>
        </row>
        <row r="142">
          <cell r="AR142">
            <v>21</v>
          </cell>
        </row>
        <row r="143">
          <cell r="AR143">
            <v>21</v>
          </cell>
        </row>
        <row r="144">
          <cell r="AR144">
            <v>21</v>
          </cell>
        </row>
        <row r="145">
          <cell r="AR145">
            <v>22</v>
          </cell>
        </row>
        <row r="146">
          <cell r="AR146">
            <v>22</v>
          </cell>
        </row>
        <row r="147">
          <cell r="AR147">
            <v>22</v>
          </cell>
        </row>
        <row r="148">
          <cell r="AR148">
            <v>22</v>
          </cell>
        </row>
        <row r="149">
          <cell r="AR149">
            <v>22</v>
          </cell>
        </row>
        <row r="150">
          <cell r="AR150">
            <v>22</v>
          </cell>
        </row>
        <row r="151">
          <cell r="AR151">
            <v>22</v>
          </cell>
        </row>
        <row r="152">
          <cell r="AR152">
            <v>22</v>
          </cell>
        </row>
        <row r="153">
          <cell r="AR153">
            <v>22</v>
          </cell>
        </row>
        <row r="154">
          <cell r="AR154">
            <v>22</v>
          </cell>
        </row>
        <row r="155">
          <cell r="AR155">
            <v>22</v>
          </cell>
        </row>
        <row r="156">
          <cell r="AR156">
            <v>22</v>
          </cell>
        </row>
        <row r="157">
          <cell r="AR157">
            <v>22</v>
          </cell>
        </row>
        <row r="158">
          <cell r="AR158">
            <v>22</v>
          </cell>
        </row>
        <row r="159">
          <cell r="AR159">
            <v>23</v>
          </cell>
        </row>
        <row r="160">
          <cell r="AR160">
            <v>23</v>
          </cell>
        </row>
        <row r="161">
          <cell r="AR161">
            <v>23</v>
          </cell>
        </row>
        <row r="162">
          <cell r="AR162">
            <v>23</v>
          </cell>
        </row>
        <row r="163">
          <cell r="AR163">
            <v>23</v>
          </cell>
        </row>
        <row r="164">
          <cell r="AR164">
            <v>23</v>
          </cell>
        </row>
        <row r="165">
          <cell r="AR165">
            <v>23</v>
          </cell>
        </row>
        <row r="166">
          <cell r="AR166">
            <v>24</v>
          </cell>
        </row>
        <row r="167">
          <cell r="AR167">
            <v>24</v>
          </cell>
        </row>
        <row r="168">
          <cell r="AR168">
            <v>24</v>
          </cell>
        </row>
        <row r="169">
          <cell r="AR169">
            <v>25</v>
          </cell>
        </row>
        <row r="170">
          <cell r="AR170">
            <v>25</v>
          </cell>
        </row>
        <row r="171">
          <cell r="AR171">
            <v>25</v>
          </cell>
        </row>
        <row r="172">
          <cell r="AR172">
            <v>25</v>
          </cell>
        </row>
        <row r="173">
          <cell r="AR173">
            <v>25</v>
          </cell>
        </row>
        <row r="174">
          <cell r="AR174">
            <v>25</v>
          </cell>
        </row>
        <row r="175">
          <cell r="AR175">
            <v>25</v>
          </cell>
        </row>
        <row r="176">
          <cell r="AR176">
            <v>26</v>
          </cell>
        </row>
        <row r="177">
          <cell r="AR177">
            <v>26</v>
          </cell>
        </row>
        <row r="178">
          <cell r="AR178">
            <v>26</v>
          </cell>
        </row>
        <row r="179">
          <cell r="AR179">
            <v>26</v>
          </cell>
        </row>
        <row r="180">
          <cell r="AR180">
            <v>26</v>
          </cell>
        </row>
        <row r="181">
          <cell r="AR181">
            <v>26</v>
          </cell>
        </row>
        <row r="182">
          <cell r="AR182">
            <v>26</v>
          </cell>
        </row>
        <row r="183">
          <cell r="AR183">
            <v>27</v>
          </cell>
        </row>
        <row r="184">
          <cell r="AR184">
            <v>27</v>
          </cell>
        </row>
        <row r="185">
          <cell r="AR185">
            <v>27</v>
          </cell>
        </row>
        <row r="186">
          <cell r="AR186">
            <v>27</v>
          </cell>
        </row>
        <row r="187">
          <cell r="AR187">
            <v>27</v>
          </cell>
        </row>
        <row r="188">
          <cell r="AR188">
            <v>27</v>
          </cell>
        </row>
        <row r="189">
          <cell r="AR189">
            <v>27</v>
          </cell>
        </row>
        <row r="190">
          <cell r="AR190">
            <v>28</v>
          </cell>
        </row>
        <row r="191">
          <cell r="AR191">
            <v>28</v>
          </cell>
        </row>
        <row r="192">
          <cell r="AR192">
            <v>28</v>
          </cell>
        </row>
        <row r="193">
          <cell r="AR193">
            <v>28</v>
          </cell>
        </row>
        <row r="194">
          <cell r="AR194">
            <v>28</v>
          </cell>
        </row>
        <row r="195">
          <cell r="AR195">
            <v>29</v>
          </cell>
        </row>
        <row r="196">
          <cell r="AR196">
            <v>29</v>
          </cell>
        </row>
        <row r="197">
          <cell r="AR197">
            <v>29</v>
          </cell>
        </row>
        <row r="198">
          <cell r="AR198">
            <v>29</v>
          </cell>
        </row>
        <row r="199">
          <cell r="AR199">
            <v>29</v>
          </cell>
        </row>
        <row r="200">
          <cell r="AR200">
            <v>30</v>
          </cell>
        </row>
        <row r="201">
          <cell r="AR201">
            <v>30</v>
          </cell>
        </row>
        <row r="202">
          <cell r="AR202">
            <v>30</v>
          </cell>
        </row>
        <row r="203">
          <cell r="AR203">
            <v>31</v>
          </cell>
        </row>
        <row r="204">
          <cell r="AR204">
            <v>31</v>
          </cell>
        </row>
        <row r="205">
          <cell r="AR205">
            <v>31</v>
          </cell>
        </row>
        <row r="206">
          <cell r="AR206">
            <v>31</v>
          </cell>
        </row>
        <row r="207">
          <cell r="AR207">
            <v>31</v>
          </cell>
        </row>
        <row r="208">
          <cell r="AR208">
            <v>31</v>
          </cell>
        </row>
        <row r="209">
          <cell r="AR209">
            <v>32</v>
          </cell>
        </row>
        <row r="210">
          <cell r="AR210">
            <v>32</v>
          </cell>
        </row>
        <row r="211">
          <cell r="AR211">
            <v>32</v>
          </cell>
        </row>
        <row r="212">
          <cell r="AR212">
            <v>32</v>
          </cell>
        </row>
        <row r="213">
          <cell r="AR213">
            <v>32</v>
          </cell>
        </row>
        <row r="214">
          <cell r="AR214">
            <v>33</v>
          </cell>
        </row>
        <row r="215">
          <cell r="AR215">
            <v>33</v>
          </cell>
        </row>
        <row r="216">
          <cell r="AR216">
            <v>33</v>
          </cell>
        </row>
        <row r="217">
          <cell r="AR217">
            <v>33</v>
          </cell>
        </row>
        <row r="218">
          <cell r="AR218">
            <v>33</v>
          </cell>
        </row>
        <row r="219">
          <cell r="AR219">
            <v>33</v>
          </cell>
        </row>
        <row r="220">
          <cell r="AR220">
            <v>33</v>
          </cell>
        </row>
        <row r="221">
          <cell r="AR221">
            <v>34</v>
          </cell>
        </row>
        <row r="222">
          <cell r="AR222">
            <v>34</v>
          </cell>
        </row>
        <row r="223">
          <cell r="AR223">
            <v>34</v>
          </cell>
        </row>
        <row r="224">
          <cell r="AR224">
            <v>34</v>
          </cell>
        </row>
        <row r="225">
          <cell r="AR225">
            <v>35</v>
          </cell>
        </row>
        <row r="226">
          <cell r="AR226">
            <v>35</v>
          </cell>
        </row>
        <row r="227">
          <cell r="AR227">
            <v>35</v>
          </cell>
        </row>
        <row r="228">
          <cell r="AR228">
            <v>36</v>
          </cell>
        </row>
        <row r="229">
          <cell r="AR229">
            <v>36</v>
          </cell>
        </row>
        <row r="230">
          <cell r="AR230">
            <v>36</v>
          </cell>
        </row>
        <row r="231">
          <cell r="AR231">
            <v>36</v>
          </cell>
        </row>
        <row r="232">
          <cell r="AR232">
            <v>36</v>
          </cell>
        </row>
        <row r="233">
          <cell r="AR233">
            <v>36</v>
          </cell>
        </row>
        <row r="234">
          <cell r="AR234">
            <v>36</v>
          </cell>
        </row>
        <row r="235">
          <cell r="AR235">
            <v>36</v>
          </cell>
        </row>
        <row r="236">
          <cell r="AR236">
            <v>36</v>
          </cell>
        </row>
        <row r="237">
          <cell r="AR237">
            <v>36</v>
          </cell>
        </row>
        <row r="238">
          <cell r="AR238">
            <v>36</v>
          </cell>
        </row>
        <row r="239">
          <cell r="AR239">
            <v>37</v>
          </cell>
        </row>
        <row r="240">
          <cell r="AR240">
            <v>37</v>
          </cell>
        </row>
        <row r="241">
          <cell r="AR241">
            <v>37</v>
          </cell>
        </row>
        <row r="242">
          <cell r="AR242">
            <v>37</v>
          </cell>
        </row>
        <row r="243">
          <cell r="AR243">
            <v>38</v>
          </cell>
        </row>
        <row r="244">
          <cell r="AR244">
            <v>38</v>
          </cell>
        </row>
        <row r="245">
          <cell r="AR245">
            <v>38</v>
          </cell>
        </row>
        <row r="246">
          <cell r="AR246">
            <v>38</v>
          </cell>
        </row>
        <row r="247">
          <cell r="AR247">
            <v>38</v>
          </cell>
        </row>
        <row r="248">
          <cell r="AR248">
            <v>38</v>
          </cell>
        </row>
        <row r="249">
          <cell r="AR249">
            <v>38</v>
          </cell>
        </row>
        <row r="250">
          <cell r="AR250">
            <v>38</v>
          </cell>
        </row>
        <row r="251">
          <cell r="AR251">
            <v>40</v>
          </cell>
        </row>
        <row r="252">
          <cell r="AR252">
            <v>40</v>
          </cell>
        </row>
        <row r="253">
          <cell r="AR253">
            <v>40</v>
          </cell>
        </row>
        <row r="254">
          <cell r="AR254">
            <v>40</v>
          </cell>
        </row>
        <row r="255">
          <cell r="AR255">
            <v>40</v>
          </cell>
        </row>
        <row r="256">
          <cell r="AR256">
            <v>40</v>
          </cell>
        </row>
        <row r="257">
          <cell r="AR257">
            <v>40</v>
          </cell>
        </row>
        <row r="258">
          <cell r="AR258">
            <v>40</v>
          </cell>
        </row>
        <row r="259">
          <cell r="AR259">
            <v>40</v>
          </cell>
        </row>
        <row r="260">
          <cell r="AR260">
            <v>40</v>
          </cell>
        </row>
        <row r="261">
          <cell r="AR261">
            <v>40</v>
          </cell>
        </row>
        <row r="262">
          <cell r="AR262">
            <v>40</v>
          </cell>
        </row>
        <row r="263">
          <cell r="AR263">
            <v>41</v>
          </cell>
        </row>
        <row r="264">
          <cell r="AR264">
            <v>41</v>
          </cell>
        </row>
        <row r="265">
          <cell r="AR265">
            <v>41</v>
          </cell>
        </row>
        <row r="266">
          <cell r="AR266">
            <v>42</v>
          </cell>
        </row>
        <row r="267">
          <cell r="AR267">
            <v>42</v>
          </cell>
        </row>
        <row r="268">
          <cell r="AR268">
            <v>42</v>
          </cell>
        </row>
        <row r="269">
          <cell r="AR269">
            <v>42</v>
          </cell>
        </row>
        <row r="270">
          <cell r="AR270">
            <v>42</v>
          </cell>
        </row>
        <row r="271">
          <cell r="AR271">
            <v>43</v>
          </cell>
        </row>
        <row r="272">
          <cell r="AR272">
            <v>43</v>
          </cell>
        </row>
        <row r="273">
          <cell r="AR273">
            <v>43</v>
          </cell>
        </row>
        <row r="274">
          <cell r="AR274">
            <v>43</v>
          </cell>
        </row>
        <row r="275">
          <cell r="AR275">
            <v>44</v>
          </cell>
        </row>
        <row r="276">
          <cell r="AR276">
            <v>44</v>
          </cell>
        </row>
        <row r="277">
          <cell r="AR277">
            <v>44</v>
          </cell>
        </row>
        <row r="278">
          <cell r="AR278">
            <v>44</v>
          </cell>
        </row>
        <row r="279">
          <cell r="AR279">
            <v>44</v>
          </cell>
        </row>
        <row r="280">
          <cell r="AR280">
            <v>45</v>
          </cell>
        </row>
        <row r="281">
          <cell r="AR281">
            <v>45</v>
          </cell>
        </row>
        <row r="282">
          <cell r="AR282">
            <v>45</v>
          </cell>
        </row>
        <row r="283">
          <cell r="AR283">
            <v>45</v>
          </cell>
        </row>
        <row r="284">
          <cell r="AR284">
            <v>45</v>
          </cell>
        </row>
        <row r="285">
          <cell r="AR285">
            <v>45</v>
          </cell>
        </row>
        <row r="286">
          <cell r="AR286">
            <v>46</v>
          </cell>
        </row>
        <row r="287">
          <cell r="AR287">
            <v>46</v>
          </cell>
        </row>
        <row r="288">
          <cell r="AR288">
            <v>46</v>
          </cell>
        </row>
        <row r="289">
          <cell r="AR289">
            <v>46</v>
          </cell>
        </row>
        <row r="290">
          <cell r="AR290">
            <v>46</v>
          </cell>
        </row>
        <row r="291">
          <cell r="AR291">
            <v>46</v>
          </cell>
        </row>
        <row r="292">
          <cell r="AR292">
            <v>46</v>
          </cell>
        </row>
        <row r="293">
          <cell r="AR293">
            <v>46</v>
          </cell>
        </row>
        <row r="294">
          <cell r="AR294">
            <v>47</v>
          </cell>
        </row>
        <row r="295">
          <cell r="AR295">
            <v>47</v>
          </cell>
        </row>
        <row r="296">
          <cell r="AR296">
            <v>47</v>
          </cell>
        </row>
        <row r="297">
          <cell r="AR297">
            <v>47</v>
          </cell>
        </row>
        <row r="298">
          <cell r="AR298">
            <v>47</v>
          </cell>
        </row>
        <row r="299">
          <cell r="AR299">
            <v>48</v>
          </cell>
        </row>
        <row r="300">
          <cell r="AR300">
            <v>48</v>
          </cell>
        </row>
        <row r="301">
          <cell r="AR301">
            <v>48</v>
          </cell>
        </row>
        <row r="302">
          <cell r="AR302">
            <v>48</v>
          </cell>
        </row>
        <row r="303">
          <cell r="AR303">
            <v>48</v>
          </cell>
        </row>
        <row r="304">
          <cell r="AR304">
            <v>49</v>
          </cell>
        </row>
        <row r="305">
          <cell r="AR305">
            <v>49</v>
          </cell>
        </row>
        <row r="306">
          <cell r="AR306">
            <v>49</v>
          </cell>
        </row>
        <row r="307">
          <cell r="AR307">
            <v>50</v>
          </cell>
        </row>
        <row r="308">
          <cell r="AR308">
            <v>50</v>
          </cell>
        </row>
        <row r="309">
          <cell r="AR309">
            <v>50</v>
          </cell>
        </row>
        <row r="310">
          <cell r="AR310">
            <v>51</v>
          </cell>
        </row>
        <row r="311">
          <cell r="AR311">
            <v>51</v>
          </cell>
        </row>
        <row r="312">
          <cell r="AR312">
            <v>51</v>
          </cell>
        </row>
        <row r="313">
          <cell r="AR313">
            <v>51</v>
          </cell>
        </row>
        <row r="314">
          <cell r="AR314">
            <v>52</v>
          </cell>
        </row>
        <row r="315">
          <cell r="AR315">
            <v>53</v>
          </cell>
        </row>
        <row r="316">
          <cell r="AR316">
            <v>53</v>
          </cell>
        </row>
        <row r="317">
          <cell r="AR317">
            <v>53</v>
          </cell>
        </row>
        <row r="318">
          <cell r="AR318">
            <v>54</v>
          </cell>
        </row>
        <row r="319">
          <cell r="AR319">
            <v>54</v>
          </cell>
        </row>
        <row r="320">
          <cell r="AR320">
            <v>54</v>
          </cell>
        </row>
        <row r="321">
          <cell r="AR321">
            <v>54</v>
          </cell>
        </row>
        <row r="322">
          <cell r="AR322">
            <v>54</v>
          </cell>
        </row>
        <row r="323">
          <cell r="AR323">
            <v>55</v>
          </cell>
        </row>
        <row r="324">
          <cell r="AR324">
            <v>55</v>
          </cell>
        </row>
        <row r="325">
          <cell r="AR325">
            <v>55</v>
          </cell>
        </row>
        <row r="326">
          <cell r="AR326">
            <v>55</v>
          </cell>
        </row>
        <row r="327">
          <cell r="AR327">
            <v>55</v>
          </cell>
        </row>
        <row r="328">
          <cell r="AR328">
            <v>56</v>
          </cell>
        </row>
        <row r="329">
          <cell r="AR329">
            <v>56</v>
          </cell>
        </row>
        <row r="330">
          <cell r="AR330">
            <v>56</v>
          </cell>
        </row>
        <row r="331">
          <cell r="AR331">
            <v>56</v>
          </cell>
        </row>
        <row r="332">
          <cell r="AR332">
            <v>56</v>
          </cell>
        </row>
        <row r="333">
          <cell r="AR333">
            <v>56</v>
          </cell>
        </row>
        <row r="334">
          <cell r="AR334">
            <v>56</v>
          </cell>
        </row>
        <row r="335">
          <cell r="AR335">
            <v>57</v>
          </cell>
        </row>
        <row r="336">
          <cell r="AR336">
            <v>57</v>
          </cell>
        </row>
        <row r="337">
          <cell r="AR337">
            <v>57</v>
          </cell>
        </row>
        <row r="338">
          <cell r="AR338">
            <v>58</v>
          </cell>
        </row>
        <row r="339">
          <cell r="AR339">
            <v>58</v>
          </cell>
        </row>
        <row r="340">
          <cell r="AR340">
            <v>58</v>
          </cell>
        </row>
        <row r="341">
          <cell r="AR341">
            <v>58</v>
          </cell>
        </row>
        <row r="342">
          <cell r="AR342">
            <v>59</v>
          </cell>
        </row>
        <row r="343">
          <cell r="AR343">
            <v>60</v>
          </cell>
        </row>
        <row r="344">
          <cell r="AR344">
            <v>60</v>
          </cell>
        </row>
        <row r="345">
          <cell r="AR345">
            <v>60</v>
          </cell>
        </row>
        <row r="346">
          <cell r="AR346">
            <v>60</v>
          </cell>
        </row>
        <row r="347">
          <cell r="AR347">
            <v>61</v>
          </cell>
        </row>
        <row r="348">
          <cell r="AR348">
            <v>61</v>
          </cell>
        </row>
        <row r="349">
          <cell r="AR349">
            <v>61</v>
          </cell>
        </row>
        <row r="350">
          <cell r="AR350">
            <v>61</v>
          </cell>
        </row>
        <row r="351">
          <cell r="AR351">
            <v>61</v>
          </cell>
        </row>
        <row r="352">
          <cell r="AR352">
            <v>61</v>
          </cell>
        </row>
        <row r="353">
          <cell r="AR353">
            <v>61</v>
          </cell>
        </row>
        <row r="354">
          <cell r="AR354">
            <v>62</v>
          </cell>
        </row>
        <row r="355">
          <cell r="AR355">
            <v>62</v>
          </cell>
        </row>
        <row r="356">
          <cell r="AR356">
            <v>62</v>
          </cell>
        </row>
        <row r="357">
          <cell r="AR357">
            <v>62</v>
          </cell>
        </row>
        <row r="358">
          <cell r="AR358">
            <v>62</v>
          </cell>
        </row>
        <row r="359">
          <cell r="AR359">
            <v>62</v>
          </cell>
        </row>
        <row r="360">
          <cell r="AR360">
            <v>63</v>
          </cell>
        </row>
        <row r="361">
          <cell r="AR361">
            <v>63</v>
          </cell>
        </row>
        <row r="362">
          <cell r="AR362">
            <v>63</v>
          </cell>
        </row>
        <row r="363">
          <cell r="AR363">
            <v>63</v>
          </cell>
        </row>
        <row r="364">
          <cell r="AR364">
            <v>64</v>
          </cell>
        </row>
        <row r="365">
          <cell r="AR365">
            <v>65</v>
          </cell>
        </row>
        <row r="366">
          <cell r="AR366">
            <v>65</v>
          </cell>
        </row>
        <row r="367">
          <cell r="AR367">
            <v>65</v>
          </cell>
        </row>
        <row r="368">
          <cell r="AR368">
            <v>65</v>
          </cell>
        </row>
        <row r="369">
          <cell r="AR369">
            <v>65</v>
          </cell>
        </row>
        <row r="370">
          <cell r="AR370">
            <v>65</v>
          </cell>
        </row>
        <row r="371">
          <cell r="AR371">
            <v>65</v>
          </cell>
        </row>
        <row r="372">
          <cell r="AR372">
            <v>65</v>
          </cell>
        </row>
        <row r="373">
          <cell r="AR373">
            <v>65</v>
          </cell>
        </row>
        <row r="374">
          <cell r="AR374">
            <v>65</v>
          </cell>
        </row>
        <row r="375">
          <cell r="AR375">
            <v>65</v>
          </cell>
        </row>
        <row r="376">
          <cell r="AR376">
            <v>66</v>
          </cell>
        </row>
        <row r="377">
          <cell r="AR377">
            <v>66</v>
          </cell>
        </row>
        <row r="378">
          <cell r="AR378">
            <v>66</v>
          </cell>
        </row>
        <row r="379">
          <cell r="AR379">
            <v>66</v>
          </cell>
        </row>
        <row r="380">
          <cell r="AR380">
            <v>66</v>
          </cell>
        </row>
        <row r="381">
          <cell r="AR381">
            <v>67</v>
          </cell>
        </row>
        <row r="382">
          <cell r="AR382">
            <v>67</v>
          </cell>
        </row>
        <row r="383">
          <cell r="AR383">
            <v>67</v>
          </cell>
        </row>
        <row r="384">
          <cell r="AR384">
            <v>67</v>
          </cell>
        </row>
        <row r="385">
          <cell r="AR385">
            <v>67</v>
          </cell>
        </row>
        <row r="386">
          <cell r="AR386">
            <v>67</v>
          </cell>
        </row>
        <row r="387">
          <cell r="AR387">
            <v>68</v>
          </cell>
        </row>
        <row r="388">
          <cell r="AR388">
            <v>68</v>
          </cell>
        </row>
        <row r="389">
          <cell r="AR389">
            <v>68</v>
          </cell>
        </row>
        <row r="390">
          <cell r="AR390">
            <v>69</v>
          </cell>
        </row>
        <row r="391">
          <cell r="AR391">
            <v>69</v>
          </cell>
        </row>
        <row r="392">
          <cell r="AR392">
            <v>69</v>
          </cell>
        </row>
        <row r="393">
          <cell r="AR393">
            <v>69</v>
          </cell>
        </row>
        <row r="394">
          <cell r="AR394">
            <v>69</v>
          </cell>
        </row>
        <row r="395">
          <cell r="AR395">
            <v>69</v>
          </cell>
        </row>
        <row r="396">
          <cell r="AR396">
            <v>71</v>
          </cell>
        </row>
        <row r="397">
          <cell r="AR397">
            <v>71</v>
          </cell>
        </row>
        <row r="398">
          <cell r="AR398">
            <v>71</v>
          </cell>
        </row>
        <row r="399">
          <cell r="AR399">
            <v>72</v>
          </cell>
        </row>
        <row r="400">
          <cell r="AR400">
            <v>72</v>
          </cell>
        </row>
        <row r="401">
          <cell r="AR401">
            <v>72</v>
          </cell>
        </row>
        <row r="402">
          <cell r="AR402">
            <v>72</v>
          </cell>
        </row>
        <row r="403">
          <cell r="AR403">
            <v>73</v>
          </cell>
        </row>
        <row r="404">
          <cell r="AR404">
            <v>74</v>
          </cell>
        </row>
        <row r="405">
          <cell r="AR405">
            <v>74</v>
          </cell>
        </row>
        <row r="406">
          <cell r="AR406">
            <v>74</v>
          </cell>
        </row>
        <row r="407">
          <cell r="AR407">
            <v>75</v>
          </cell>
        </row>
        <row r="408">
          <cell r="AR408">
            <v>76</v>
          </cell>
        </row>
        <row r="409">
          <cell r="AR409">
            <v>77</v>
          </cell>
        </row>
        <row r="410">
          <cell r="AR410">
            <v>77</v>
          </cell>
        </row>
        <row r="411">
          <cell r="AR411">
            <v>77</v>
          </cell>
        </row>
        <row r="412">
          <cell r="AR412">
            <v>77</v>
          </cell>
        </row>
        <row r="413">
          <cell r="AR413">
            <v>77</v>
          </cell>
        </row>
        <row r="414">
          <cell r="AR414">
            <v>77</v>
          </cell>
        </row>
        <row r="415">
          <cell r="AR415">
            <v>78</v>
          </cell>
        </row>
        <row r="416">
          <cell r="AR416">
            <v>78</v>
          </cell>
        </row>
        <row r="417">
          <cell r="AR417">
            <v>78</v>
          </cell>
        </row>
        <row r="418">
          <cell r="AR418">
            <v>78</v>
          </cell>
        </row>
        <row r="419">
          <cell r="AR419">
            <v>78</v>
          </cell>
        </row>
        <row r="420">
          <cell r="AR420">
            <v>79</v>
          </cell>
        </row>
        <row r="421">
          <cell r="AR421">
            <v>79</v>
          </cell>
        </row>
        <row r="422">
          <cell r="AR422">
            <v>79</v>
          </cell>
        </row>
        <row r="423">
          <cell r="AR423">
            <v>80</v>
          </cell>
        </row>
        <row r="424">
          <cell r="AR424">
            <v>80</v>
          </cell>
        </row>
        <row r="425">
          <cell r="AR425">
            <v>80</v>
          </cell>
        </row>
        <row r="426">
          <cell r="AR426">
            <v>81</v>
          </cell>
        </row>
        <row r="427">
          <cell r="AR427">
            <v>81</v>
          </cell>
        </row>
        <row r="428">
          <cell r="AR428">
            <v>81</v>
          </cell>
        </row>
        <row r="429">
          <cell r="AR429">
            <v>81</v>
          </cell>
        </row>
        <row r="430">
          <cell r="AR430">
            <v>81</v>
          </cell>
        </row>
        <row r="431">
          <cell r="AR431">
            <v>9999</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Códigos"/>
      <sheetName val="Sheet3"/>
    </sheetNames>
    <sheetDataSet>
      <sheetData sheetId="0" refreshError="1"/>
      <sheetData sheetId="1" refreshError="1"/>
      <sheetData sheetId="2">
        <row r="1">
          <cell r="A1" t="str">
            <v>CODIGO 1</v>
          </cell>
        </row>
        <row r="2">
          <cell r="A2" t="str">
            <v>CODIGO 2</v>
          </cell>
        </row>
        <row r="3">
          <cell r="A3" t="str">
            <v>CODIGO 3</v>
          </cell>
        </row>
        <row r="4">
          <cell r="A4" t="str">
            <v>CODIGO 4</v>
          </cell>
        </row>
        <row r="5">
          <cell r="A5" t="str">
            <v>CODIGO 5</v>
          </cell>
        </row>
        <row r="6">
          <cell r="A6" t="str">
            <v>CODIGO 6</v>
          </cell>
        </row>
        <row r="7">
          <cell r="A7" t="str">
            <v>CODIGO 7</v>
          </cell>
        </row>
        <row r="8">
          <cell r="A8" t="str">
            <v>CODIGO 8</v>
          </cell>
        </row>
        <row r="9">
          <cell r="A9" t="str">
            <v>CODIGO 9</v>
          </cell>
        </row>
        <row r="10">
          <cell r="A10" t="str">
            <v>OTROS</v>
          </cell>
        </row>
      </sheetData>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enu"/>
      <sheetName val="Data_Entry_Clientes"/>
      <sheetName val="Carta"/>
      <sheetName val="Datos_Maestros"/>
      <sheetName val="Nuevo archivo input FFVV  (Vers"/>
    </sheetNames>
    <sheetDataSet>
      <sheetData sheetId="0"/>
      <sheetData sheetId="1">
        <row r="1">
          <cell r="A1" t="str">
            <v>APELLIDO1</v>
          </cell>
        </row>
      </sheetData>
      <sheetData sheetId="2"/>
      <sheetData sheetId="3">
        <row r="3">
          <cell r="I3" t="str">
            <v>CODIGO</v>
          </cell>
          <cell r="J3" t="str">
            <v>DESCRIPCION</v>
          </cell>
        </row>
        <row r="4">
          <cell r="I4" t="str">
            <v>000</v>
          </cell>
          <cell r="J4" t="str">
            <v>NO DEFINIDA</v>
          </cell>
        </row>
        <row r="5">
          <cell r="I5" t="str">
            <v>001</v>
          </cell>
          <cell r="J5" t="str">
            <v>MEDICO</v>
          </cell>
        </row>
        <row r="6">
          <cell r="I6" t="str">
            <v>002</v>
          </cell>
          <cell r="J6" t="str">
            <v>ENFERMERA</v>
          </cell>
        </row>
        <row r="7">
          <cell r="I7" t="str">
            <v>003</v>
          </cell>
          <cell r="J7" t="str">
            <v>ODONTOLOGO</v>
          </cell>
        </row>
        <row r="8">
          <cell r="I8" t="str">
            <v>004</v>
          </cell>
          <cell r="J8" t="str">
            <v>MICROBIOLOGO</v>
          </cell>
        </row>
        <row r="9">
          <cell r="I9" t="str">
            <v>005</v>
          </cell>
          <cell r="J9" t="str">
            <v>PSICOLOGO</v>
          </cell>
        </row>
        <row r="10">
          <cell r="I10" t="str">
            <v>006</v>
          </cell>
          <cell r="J10" t="str">
            <v>SOCIOLOGO</v>
          </cell>
        </row>
        <row r="11">
          <cell r="I11" t="str">
            <v>007</v>
          </cell>
          <cell r="J11" t="str">
            <v>VETERINARIO</v>
          </cell>
        </row>
        <row r="12">
          <cell r="I12" t="str">
            <v>008</v>
          </cell>
          <cell r="J12" t="str">
            <v>BIOLOGO</v>
          </cell>
        </row>
        <row r="13">
          <cell r="I13" t="str">
            <v>009</v>
          </cell>
          <cell r="J13" t="str">
            <v>ANTROPOLOGO</v>
          </cell>
        </row>
        <row r="14">
          <cell r="I14" t="str">
            <v>010</v>
          </cell>
          <cell r="J14" t="str">
            <v>FARMACEUTICO</v>
          </cell>
        </row>
        <row r="15">
          <cell r="I15" t="str">
            <v>011</v>
          </cell>
          <cell r="J15" t="str">
            <v>INGENIERO AGRONOMO</v>
          </cell>
        </row>
        <row r="16">
          <cell r="I16" t="str">
            <v>012</v>
          </cell>
          <cell r="J16" t="str">
            <v>INGENIERO CIVIL</v>
          </cell>
        </row>
        <row r="17">
          <cell r="I17" t="str">
            <v>013</v>
          </cell>
          <cell r="J17" t="str">
            <v>GEOGRAFO</v>
          </cell>
        </row>
        <row r="18">
          <cell r="I18" t="str">
            <v>014</v>
          </cell>
          <cell r="J18" t="str">
            <v>ARQUITECTO</v>
          </cell>
        </row>
        <row r="19">
          <cell r="I19" t="str">
            <v>015</v>
          </cell>
          <cell r="J19" t="str">
            <v>TOPOGRAFO</v>
          </cell>
        </row>
        <row r="20">
          <cell r="I20" t="str">
            <v>016</v>
          </cell>
          <cell r="J20" t="str">
            <v>ABOGADO</v>
          </cell>
        </row>
        <row r="21">
          <cell r="I21" t="str">
            <v>017</v>
          </cell>
          <cell r="J21" t="str">
            <v>ASISTENTE DE ABOGACIA</v>
          </cell>
        </row>
        <row r="22">
          <cell r="I22" t="str">
            <v>018</v>
          </cell>
          <cell r="J22" t="str">
            <v>CONTADOR PUBLICO</v>
          </cell>
        </row>
        <row r="23">
          <cell r="I23" t="str">
            <v>019</v>
          </cell>
          <cell r="J23" t="str">
            <v>CONTADOR PRIVADO</v>
          </cell>
        </row>
        <row r="24">
          <cell r="I24" t="str">
            <v>020</v>
          </cell>
          <cell r="J24" t="str">
            <v>AUXILIAR DE CONTABILIDAD</v>
          </cell>
        </row>
        <row r="25">
          <cell r="I25" t="str">
            <v>021</v>
          </cell>
          <cell r="J25" t="str">
            <v>AUDITOR</v>
          </cell>
        </row>
        <row r="26">
          <cell r="I26" t="str">
            <v>022</v>
          </cell>
          <cell r="J26" t="str">
            <v>ECONOMISTA</v>
          </cell>
        </row>
        <row r="27">
          <cell r="I27" t="str">
            <v>023</v>
          </cell>
          <cell r="J27" t="str">
            <v>ADMINISTRADOR DE NEGOCIOS</v>
          </cell>
        </row>
        <row r="28">
          <cell r="I28" t="str">
            <v>024</v>
          </cell>
          <cell r="J28" t="str">
            <v>ADMINISTRADOR</v>
          </cell>
        </row>
        <row r="29">
          <cell r="I29" t="str">
            <v>025</v>
          </cell>
          <cell r="J29" t="str">
            <v>TECNOLOGO DE ALIMENTOS</v>
          </cell>
        </row>
        <row r="30">
          <cell r="I30" t="str">
            <v>026</v>
          </cell>
          <cell r="J30" t="str">
            <v>NUTRICIONISTA</v>
          </cell>
        </row>
        <row r="31">
          <cell r="I31" t="str">
            <v>027</v>
          </cell>
          <cell r="J31" t="str">
            <v>ANALISTA DE SISTEMAS</v>
          </cell>
        </row>
        <row r="32">
          <cell r="I32" t="str">
            <v>028</v>
          </cell>
          <cell r="J32" t="str">
            <v>PROGRAMADOR</v>
          </cell>
        </row>
        <row r="33">
          <cell r="I33" t="str">
            <v>029</v>
          </cell>
          <cell r="J33" t="str">
            <v>DIGITADOR</v>
          </cell>
        </row>
        <row r="34">
          <cell r="I34" t="str">
            <v>030</v>
          </cell>
          <cell r="J34" t="str">
            <v>ESTADISTICO</v>
          </cell>
        </row>
        <row r="35">
          <cell r="I35" t="str">
            <v>031</v>
          </cell>
          <cell r="J35" t="str">
            <v>COMERCIANTE</v>
          </cell>
        </row>
        <row r="36">
          <cell r="I36" t="str">
            <v>032</v>
          </cell>
          <cell r="J36" t="str">
            <v>EMPRESARIO</v>
          </cell>
        </row>
        <row r="37">
          <cell r="I37" t="str">
            <v>033</v>
          </cell>
          <cell r="J37" t="str">
            <v>PERIODISTA</v>
          </cell>
        </row>
        <row r="38">
          <cell r="I38" t="str">
            <v>034</v>
          </cell>
          <cell r="J38" t="str">
            <v>PUBLICISTA</v>
          </cell>
        </row>
        <row r="39">
          <cell r="I39" t="str">
            <v>035</v>
          </cell>
          <cell r="J39" t="str">
            <v>EJECUTIVO DE VENTAS</v>
          </cell>
        </row>
        <row r="40">
          <cell r="I40" t="str">
            <v>036</v>
          </cell>
          <cell r="J40" t="str">
            <v>DIRECTOR</v>
          </cell>
        </row>
        <row r="41">
          <cell r="I41" t="str">
            <v>037</v>
          </cell>
          <cell r="J41" t="str">
            <v>PROFESOR</v>
          </cell>
        </row>
        <row r="42">
          <cell r="I42" t="str">
            <v>038</v>
          </cell>
          <cell r="J42" t="str">
            <v>MAESTRO (A)</v>
          </cell>
        </row>
        <row r="43">
          <cell r="I43" t="str">
            <v>039</v>
          </cell>
          <cell r="J43" t="str">
            <v>FISIOTERAPEUTA</v>
          </cell>
        </row>
        <row r="44">
          <cell r="I44" t="str">
            <v>040</v>
          </cell>
          <cell r="J44" t="str">
            <v>PISTERO</v>
          </cell>
        </row>
        <row r="45">
          <cell r="I45" t="str">
            <v>041</v>
          </cell>
          <cell r="J45" t="str">
            <v>LOCUTOR (A)</v>
          </cell>
        </row>
        <row r="46">
          <cell r="I46" t="str">
            <v>042</v>
          </cell>
          <cell r="J46" t="str">
            <v>SECRETARIA (O)</v>
          </cell>
        </row>
        <row r="47">
          <cell r="I47" t="str">
            <v>043</v>
          </cell>
          <cell r="J47" t="str">
            <v>BIBLIOTECARIO (A)</v>
          </cell>
        </row>
        <row r="48">
          <cell r="I48" t="str">
            <v>044</v>
          </cell>
          <cell r="J48" t="str">
            <v>SERVICIO AL CLIENTE</v>
          </cell>
        </row>
        <row r="49">
          <cell r="I49" t="str">
            <v>045</v>
          </cell>
          <cell r="J49" t="str">
            <v>RELACIONISTA PUBLICO</v>
          </cell>
        </row>
        <row r="50">
          <cell r="I50" t="str">
            <v>046</v>
          </cell>
          <cell r="J50" t="str">
            <v>CONSTRUCTOR</v>
          </cell>
        </row>
        <row r="51">
          <cell r="I51" t="str">
            <v>047</v>
          </cell>
          <cell r="J51" t="str">
            <v>INVESTIGADOR (A)</v>
          </cell>
        </row>
        <row r="52">
          <cell r="I52" t="str">
            <v>048</v>
          </cell>
          <cell r="J52" t="str">
            <v>AMA DE CASA</v>
          </cell>
        </row>
        <row r="53">
          <cell r="I53" t="str">
            <v>049</v>
          </cell>
          <cell r="J53" t="str">
            <v>ESTUDIANTE</v>
          </cell>
        </row>
        <row r="54">
          <cell r="I54" t="str">
            <v>050</v>
          </cell>
          <cell r="J54" t="str">
            <v>PENSIONADO (A)</v>
          </cell>
        </row>
        <row r="55">
          <cell r="I55" t="str">
            <v>051</v>
          </cell>
          <cell r="J55" t="str">
            <v>INGENIERO INDUSTRIAL</v>
          </cell>
        </row>
        <row r="56">
          <cell r="I56" t="str">
            <v>052</v>
          </cell>
          <cell r="J56" t="str">
            <v>CARPINTERO</v>
          </cell>
        </row>
        <row r="57">
          <cell r="I57" t="str">
            <v>053</v>
          </cell>
          <cell r="J57" t="str">
            <v>DIPLOMATICO</v>
          </cell>
        </row>
        <row r="58">
          <cell r="I58" t="str">
            <v>054</v>
          </cell>
          <cell r="J58" t="str">
            <v>EBANISTA</v>
          </cell>
        </row>
        <row r="59">
          <cell r="I59" t="str">
            <v>055</v>
          </cell>
          <cell r="J59" t="str">
            <v>MENSAJERO</v>
          </cell>
        </row>
        <row r="60">
          <cell r="I60" t="str">
            <v>056</v>
          </cell>
          <cell r="J60" t="str">
            <v>EMBAJADOR</v>
          </cell>
        </row>
        <row r="61">
          <cell r="I61" t="str">
            <v>057</v>
          </cell>
          <cell r="J61" t="str">
            <v>AGREGADO CULTURAL</v>
          </cell>
        </row>
        <row r="62">
          <cell r="I62" t="str">
            <v>058</v>
          </cell>
          <cell r="J62" t="str">
            <v>OPERARIO (A)</v>
          </cell>
        </row>
        <row r="63">
          <cell r="I63" t="str">
            <v>059</v>
          </cell>
          <cell r="J63" t="str">
            <v>TRABAJADOR(A) SOCIAL</v>
          </cell>
        </row>
        <row r="64">
          <cell r="I64" t="str">
            <v>060</v>
          </cell>
          <cell r="J64" t="str">
            <v>MECANICO</v>
          </cell>
        </row>
        <row r="65">
          <cell r="I65" t="str">
            <v>061</v>
          </cell>
          <cell r="J65" t="str">
            <v>AGRICULTOR</v>
          </cell>
        </row>
        <row r="66">
          <cell r="I66" t="str">
            <v>062</v>
          </cell>
          <cell r="J66" t="str">
            <v>INGENIERO DE SISTEMAS</v>
          </cell>
        </row>
        <row r="67">
          <cell r="I67" t="str">
            <v>063</v>
          </cell>
          <cell r="J67" t="str">
            <v>INGENIERO FORESTAL</v>
          </cell>
        </row>
        <row r="68">
          <cell r="I68" t="str">
            <v>065</v>
          </cell>
          <cell r="J68" t="str">
            <v>COCINERO (A)</v>
          </cell>
        </row>
        <row r="69">
          <cell r="I69" t="str">
            <v>066</v>
          </cell>
          <cell r="J69" t="str">
            <v>MISCELANEO (A)</v>
          </cell>
        </row>
        <row r="70">
          <cell r="I70" t="str">
            <v>067</v>
          </cell>
          <cell r="J70" t="str">
            <v>DEPENDIENTE</v>
          </cell>
        </row>
        <row r="71">
          <cell r="I71" t="str">
            <v>068</v>
          </cell>
          <cell r="J71" t="str">
            <v>BODEGUERO</v>
          </cell>
        </row>
        <row r="72">
          <cell r="I72" t="str">
            <v>069</v>
          </cell>
          <cell r="J72" t="str">
            <v>PINTOR</v>
          </cell>
        </row>
        <row r="73">
          <cell r="I73" t="str">
            <v>070</v>
          </cell>
          <cell r="J73" t="str">
            <v>CHOFER</v>
          </cell>
        </row>
        <row r="74">
          <cell r="I74" t="str">
            <v>071</v>
          </cell>
          <cell r="J74" t="str">
            <v>ESTILISTA</v>
          </cell>
        </row>
        <row r="75">
          <cell r="I75" t="str">
            <v>072</v>
          </cell>
          <cell r="J75" t="str">
            <v>GUARDA</v>
          </cell>
        </row>
        <row r="76">
          <cell r="I76" t="str">
            <v>073</v>
          </cell>
          <cell r="J76" t="str">
            <v>DEMOSTRADOR(A)</v>
          </cell>
        </row>
        <row r="77">
          <cell r="I77" t="str">
            <v>074</v>
          </cell>
          <cell r="J77" t="str">
            <v>OPERADOR DE COMPUTO</v>
          </cell>
        </row>
        <row r="78">
          <cell r="I78" t="str">
            <v>076</v>
          </cell>
          <cell r="J78" t="str">
            <v>CARNICERO</v>
          </cell>
        </row>
        <row r="79">
          <cell r="I79" t="str">
            <v>077</v>
          </cell>
          <cell r="J79" t="str">
            <v>ESTIBADOR</v>
          </cell>
        </row>
        <row r="80">
          <cell r="I80" t="str">
            <v>078</v>
          </cell>
          <cell r="J80" t="str">
            <v>AUXILIAR DE ENFERMERIA</v>
          </cell>
        </row>
        <row r="81">
          <cell r="I81" t="str">
            <v>079</v>
          </cell>
          <cell r="J81" t="str">
            <v>PILOTO</v>
          </cell>
        </row>
        <row r="82">
          <cell r="I82" t="str">
            <v>080</v>
          </cell>
          <cell r="J82" t="str">
            <v>PEON</v>
          </cell>
        </row>
        <row r="83">
          <cell r="I83" t="str">
            <v>081</v>
          </cell>
          <cell r="J83" t="str">
            <v>PANADERO</v>
          </cell>
        </row>
        <row r="84">
          <cell r="I84" t="str">
            <v>082</v>
          </cell>
          <cell r="J84" t="str">
            <v>SALONERO</v>
          </cell>
        </row>
        <row r="85">
          <cell r="I85" t="str">
            <v>083</v>
          </cell>
          <cell r="J85" t="str">
            <v>ALBAÑIL</v>
          </cell>
        </row>
        <row r="86">
          <cell r="I86" t="str">
            <v>084</v>
          </cell>
          <cell r="J86" t="str">
            <v>FOTOGRAFO</v>
          </cell>
        </row>
        <row r="87">
          <cell r="I87" t="str">
            <v>085</v>
          </cell>
          <cell r="J87" t="str">
            <v>INGENIERO QUIMICO</v>
          </cell>
        </row>
        <row r="88">
          <cell r="I88" t="str">
            <v>087</v>
          </cell>
          <cell r="J88" t="str">
            <v>AGENTE DE SEGUROS</v>
          </cell>
        </row>
        <row r="89">
          <cell r="I89" t="str">
            <v>088</v>
          </cell>
          <cell r="J89" t="str">
            <v>ARTES</v>
          </cell>
        </row>
        <row r="90">
          <cell r="I90" t="str">
            <v>089</v>
          </cell>
          <cell r="J90" t="str">
            <v>CORREDOR DE BOLSA</v>
          </cell>
        </row>
        <row r="91">
          <cell r="I91" t="str">
            <v>090</v>
          </cell>
          <cell r="J91" t="str">
            <v>DEPORTISTA</v>
          </cell>
        </row>
        <row r="92">
          <cell r="I92" t="str">
            <v>091</v>
          </cell>
          <cell r="J92" t="str">
            <v>FINANCISTA</v>
          </cell>
        </row>
        <row r="93">
          <cell r="I93" t="str">
            <v>092</v>
          </cell>
          <cell r="J93" t="str">
            <v>MERCADOLOGO</v>
          </cell>
        </row>
        <row r="94">
          <cell r="I94" t="str">
            <v>093</v>
          </cell>
          <cell r="J94" t="str">
            <v>RELIGIOSO (A)</v>
          </cell>
        </row>
        <row r="95">
          <cell r="I95" t="str">
            <v>094</v>
          </cell>
          <cell r="J95" t="str">
            <v>GERENTE DE VENTAS</v>
          </cell>
        </row>
        <row r="96">
          <cell r="I96" t="str">
            <v>095</v>
          </cell>
          <cell r="J96" t="str">
            <v>TECNICO ELECTRICIDAD</v>
          </cell>
        </row>
        <row r="97">
          <cell r="I97" t="str">
            <v>096</v>
          </cell>
          <cell r="J97" t="str">
            <v>ELECTRICISTA</v>
          </cell>
        </row>
        <row r="98">
          <cell r="I98" t="str">
            <v>097</v>
          </cell>
          <cell r="J98" t="str">
            <v>JUGADOR DE FUTBOL</v>
          </cell>
        </row>
        <row r="99">
          <cell r="I99" t="str">
            <v>098</v>
          </cell>
          <cell r="J99" t="str">
            <v>INGENIERO(A) ELECTROMECANICA</v>
          </cell>
        </row>
        <row r="100">
          <cell r="I100" t="str">
            <v>099</v>
          </cell>
          <cell r="J100" t="str">
            <v>INSPECTOR</v>
          </cell>
        </row>
        <row r="101">
          <cell r="I101" t="str">
            <v>100</v>
          </cell>
          <cell r="J101" t="str">
            <v>AGENTE VENDEDOR</v>
          </cell>
        </row>
        <row r="102">
          <cell r="I102" t="str">
            <v>101</v>
          </cell>
          <cell r="J102" t="str">
            <v>OFICINISTA</v>
          </cell>
        </row>
        <row r="103">
          <cell r="I103" t="str">
            <v>102</v>
          </cell>
          <cell r="J103" t="str">
            <v>ASISTENTE</v>
          </cell>
        </row>
        <row r="104">
          <cell r="I104" t="str">
            <v>103</v>
          </cell>
          <cell r="J104" t="str">
            <v>EDUCADORA</v>
          </cell>
        </row>
        <row r="105">
          <cell r="I105" t="str">
            <v>104</v>
          </cell>
          <cell r="J105" t="str">
            <v>TRADUCTOR(A)</v>
          </cell>
        </row>
        <row r="106">
          <cell r="I106" t="str">
            <v>105</v>
          </cell>
          <cell r="J106" t="str">
            <v>MASAJISTA</v>
          </cell>
        </row>
        <row r="107">
          <cell r="I107" t="str">
            <v>106</v>
          </cell>
          <cell r="J107" t="str">
            <v>CONSULTOR</v>
          </cell>
        </row>
        <row r="108">
          <cell r="I108" t="str">
            <v>107</v>
          </cell>
          <cell r="J108" t="str">
            <v>DISEÑADOR (A)</v>
          </cell>
        </row>
        <row r="109">
          <cell r="I109" t="str">
            <v>108</v>
          </cell>
          <cell r="J109" t="str">
            <v>EJECUTIVO BANCARIO</v>
          </cell>
        </row>
        <row r="110">
          <cell r="I110" t="str">
            <v>109</v>
          </cell>
          <cell r="J110" t="str">
            <v>HOMEOPATA</v>
          </cell>
        </row>
        <row r="111">
          <cell r="I111" t="str">
            <v>110</v>
          </cell>
          <cell r="J111" t="str">
            <v>OFICIAL DE SEGURIDAD</v>
          </cell>
        </row>
        <row r="112">
          <cell r="I112" t="str">
            <v>111</v>
          </cell>
          <cell r="J112" t="str">
            <v>CAJERO</v>
          </cell>
        </row>
        <row r="113">
          <cell r="I113" t="str">
            <v>112</v>
          </cell>
          <cell r="J113" t="str">
            <v>OFICIAL DE OPERACIONES</v>
          </cell>
        </row>
        <row r="114">
          <cell r="I114" t="str">
            <v>113</v>
          </cell>
          <cell r="J114" t="str">
            <v>TECNICO RECURSOS HUMANOS</v>
          </cell>
        </row>
        <row r="115">
          <cell r="I115" t="str">
            <v>114</v>
          </cell>
          <cell r="J115" t="str">
            <v>AUXILIAR BANCARIO</v>
          </cell>
        </row>
        <row r="116">
          <cell r="I116" t="str">
            <v>115</v>
          </cell>
          <cell r="J116" t="str">
            <v>TECNICO EN SISTEMAS</v>
          </cell>
        </row>
        <row r="117">
          <cell r="I117" t="str">
            <v>116</v>
          </cell>
          <cell r="J117" t="str">
            <v>RECEPCIONISTA-TELEFONISTA</v>
          </cell>
        </row>
        <row r="118">
          <cell r="I118" t="str">
            <v>117</v>
          </cell>
          <cell r="J118" t="str">
            <v>SUPERVISOR</v>
          </cell>
        </row>
        <row r="119">
          <cell r="I119" t="str">
            <v>118</v>
          </cell>
          <cell r="J119" t="str">
            <v>AUXILIAR</v>
          </cell>
        </row>
        <row r="120">
          <cell r="I120" t="str">
            <v>119</v>
          </cell>
          <cell r="J120" t="str">
            <v>ANALISTA DE CREDITO</v>
          </cell>
        </row>
        <row r="121">
          <cell r="I121" t="str">
            <v>120</v>
          </cell>
          <cell r="J121" t="str">
            <v>MANTENIMIENTO</v>
          </cell>
        </row>
        <row r="122">
          <cell r="I122" t="str">
            <v>121</v>
          </cell>
          <cell r="J122" t="str">
            <v>TESORERO</v>
          </cell>
        </row>
        <row r="123">
          <cell r="I123" t="str">
            <v>122</v>
          </cell>
          <cell r="J123" t="str">
            <v>GANADERO</v>
          </cell>
        </row>
        <row r="124">
          <cell r="I124" t="str">
            <v>123</v>
          </cell>
          <cell r="J124" t="str">
            <v>ELECTROMECANICO</v>
          </cell>
        </row>
        <row r="125">
          <cell r="I125" t="str">
            <v>124</v>
          </cell>
          <cell r="J125" t="str">
            <v>TECNICO DENTAL</v>
          </cell>
        </row>
        <row r="126">
          <cell r="I126" t="str">
            <v>125</v>
          </cell>
          <cell r="J126" t="str">
            <v>OFICIAL DE INVESTIGACION</v>
          </cell>
        </row>
        <row r="127">
          <cell r="I127" t="str">
            <v>126</v>
          </cell>
          <cell r="J127" t="str">
            <v>OCTOMETRISTA</v>
          </cell>
        </row>
        <row r="128">
          <cell r="I128" t="str">
            <v>127</v>
          </cell>
          <cell r="J128" t="str">
            <v>FONTANERO</v>
          </cell>
        </row>
        <row r="129">
          <cell r="I129" t="str">
            <v>128</v>
          </cell>
          <cell r="J129" t="str">
            <v>GEOLOGO</v>
          </cell>
        </row>
        <row r="130">
          <cell r="I130" t="str">
            <v>129</v>
          </cell>
          <cell r="J130" t="str">
            <v>AGENTE DE SEGUROS</v>
          </cell>
        </row>
        <row r="131">
          <cell r="I131" t="str">
            <v>130</v>
          </cell>
          <cell r="J131" t="str">
            <v>GERENTE GENERAL</v>
          </cell>
        </row>
        <row r="132">
          <cell r="I132" t="str">
            <v>131</v>
          </cell>
          <cell r="J132" t="str">
            <v>POLITOLOGO</v>
          </cell>
        </row>
        <row r="133">
          <cell r="I133" t="str">
            <v>132</v>
          </cell>
          <cell r="J133" t="str">
            <v>ARTESANO</v>
          </cell>
        </row>
        <row r="134">
          <cell r="I134" t="str">
            <v>999</v>
          </cell>
          <cell r="J134" t="str">
            <v>OTROS</v>
          </cell>
        </row>
      </sheetData>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57637E4-08AD-48E3-BC03-76F33844E8C8}">
  <sheetPr>
    <tabColor rgb="FFFFFF00"/>
    <pageSetUpPr fitToPage="1"/>
  </sheetPr>
  <dimension ref="A1:K48"/>
  <sheetViews>
    <sheetView showGridLines="0" tabSelected="1" zoomScaleNormal="100" workbookViewId="0">
      <selection activeCell="B10" sqref="B10:F10"/>
    </sheetView>
  </sheetViews>
  <sheetFormatPr defaultColWidth="9.1796875" defaultRowHeight="11.5" x14ac:dyDescent="0.25"/>
  <cols>
    <col min="1" max="1" width="3.453125" style="1" customWidth="1"/>
    <col min="2" max="2" width="16.7265625" style="1" customWidth="1"/>
    <col min="3" max="3" width="7" style="1" customWidth="1"/>
    <col min="4" max="4" width="2.54296875" style="1" customWidth="1"/>
    <col min="5" max="5" width="21.453125" style="1" customWidth="1"/>
    <col min="6" max="6" width="3" style="1" customWidth="1"/>
    <col min="7" max="7" width="16.7265625" style="1" customWidth="1"/>
    <col min="8" max="8" width="5.26953125" style="1" customWidth="1"/>
    <col min="9" max="9" width="4.54296875" style="1" customWidth="1"/>
    <col min="10" max="10" width="8.54296875" style="1" customWidth="1"/>
    <col min="11" max="11" width="16.54296875" style="1" customWidth="1"/>
    <col min="12" max="16384" width="9.1796875" style="1"/>
  </cols>
  <sheetData>
    <row r="1" spans="1:11" ht="38.5" customHeight="1" x14ac:dyDescent="0.35">
      <c r="B1" s="67" t="s">
        <v>0</v>
      </c>
      <c r="C1" s="67"/>
      <c r="D1" s="67"/>
      <c r="E1" s="67"/>
      <c r="F1" s="67"/>
      <c r="G1" s="67"/>
      <c r="H1" s="67"/>
      <c r="I1" s="67"/>
      <c r="J1" s="67"/>
      <c r="K1" s="67"/>
    </row>
    <row r="2" spans="1:11" ht="14.25" customHeight="1" x14ac:dyDescent="0.25"/>
    <row r="3" spans="1:11" s="3" customFormat="1" ht="18.75" customHeight="1" x14ac:dyDescent="0.35">
      <c r="A3" s="2" t="s">
        <v>1</v>
      </c>
      <c r="B3" s="68"/>
      <c r="C3" s="68"/>
      <c r="D3" s="68"/>
      <c r="E3" s="68"/>
      <c r="F3" s="69" t="s">
        <v>2</v>
      </c>
      <c r="G3" s="69"/>
      <c r="H3" s="69"/>
      <c r="I3" s="69"/>
      <c r="J3" s="69"/>
      <c r="K3" s="69"/>
    </row>
    <row r="4" spans="1:11" s="3" customFormat="1" ht="15" customHeight="1" x14ac:dyDescent="0.35">
      <c r="A4" s="69" t="s">
        <v>3</v>
      </c>
      <c r="B4" s="69"/>
      <c r="C4" s="69"/>
      <c r="D4" s="69"/>
      <c r="E4" s="69"/>
      <c r="F4" s="69"/>
      <c r="G4" s="69"/>
      <c r="H4" s="69"/>
      <c r="I4" s="69"/>
      <c r="J4" s="69"/>
      <c r="K4" s="69"/>
    </row>
    <row r="5" spans="1:11" s="3" customFormat="1" ht="15" customHeight="1" x14ac:dyDescent="0.25">
      <c r="A5" s="4" t="s">
        <v>4</v>
      </c>
      <c r="B5" s="68"/>
      <c r="C5" s="68"/>
      <c r="D5" s="4" t="s">
        <v>4</v>
      </c>
      <c r="E5" s="5"/>
      <c r="F5" s="6" t="s">
        <v>4</v>
      </c>
      <c r="G5" s="68"/>
      <c r="H5" s="68"/>
      <c r="I5" s="6" t="s">
        <v>4</v>
      </c>
      <c r="J5" s="68"/>
      <c r="K5" s="68"/>
    </row>
    <row r="7" spans="1:11" s="3" customFormat="1" ht="10" x14ac:dyDescent="0.35">
      <c r="A7" s="3" t="s">
        <v>5</v>
      </c>
    </row>
    <row r="8" spans="1:11" ht="3.75" customHeight="1" x14ac:dyDescent="0.25"/>
    <row r="9" spans="1:11" ht="21" customHeight="1" x14ac:dyDescent="0.25">
      <c r="B9" s="64" t="s">
        <v>6</v>
      </c>
      <c r="C9" s="65"/>
      <c r="D9" s="65"/>
      <c r="E9" s="65"/>
      <c r="F9" s="66"/>
      <c r="G9" s="7" t="s">
        <v>7</v>
      </c>
      <c r="H9" s="48" t="s">
        <v>8</v>
      </c>
      <c r="I9" s="50"/>
      <c r="J9" s="8" t="s">
        <v>9</v>
      </c>
      <c r="K9" s="7" t="s">
        <v>10</v>
      </c>
    </row>
    <row r="10" spans="1:11" ht="30" customHeight="1" x14ac:dyDescent="0.25">
      <c r="B10" s="57"/>
      <c r="C10" s="58"/>
      <c r="D10" s="58"/>
      <c r="E10" s="58"/>
      <c r="F10" s="59"/>
      <c r="G10" s="9"/>
      <c r="H10" s="60"/>
      <c r="I10" s="61"/>
      <c r="J10" s="9"/>
      <c r="K10" s="9"/>
    </row>
    <row r="11" spans="1:11" ht="30" customHeight="1" x14ac:dyDescent="0.25">
      <c r="B11" s="57"/>
      <c r="C11" s="58"/>
      <c r="D11" s="58"/>
      <c r="E11" s="58"/>
      <c r="F11" s="59"/>
      <c r="G11" s="9"/>
      <c r="H11" s="60"/>
      <c r="I11" s="61"/>
      <c r="J11" s="9"/>
      <c r="K11" s="9"/>
    </row>
    <row r="12" spans="1:11" ht="30" customHeight="1" x14ac:dyDescent="0.25">
      <c r="B12" s="57"/>
      <c r="C12" s="58"/>
      <c r="D12" s="58"/>
      <c r="E12" s="58"/>
      <c r="F12" s="59"/>
      <c r="G12" s="9"/>
      <c r="H12" s="60"/>
      <c r="I12" s="61"/>
      <c r="J12" s="9"/>
      <c r="K12" s="9"/>
    </row>
    <row r="13" spans="1:11" ht="30" customHeight="1" x14ac:dyDescent="0.25">
      <c r="B13" s="57"/>
      <c r="C13" s="58"/>
      <c r="D13" s="58"/>
      <c r="E13" s="58"/>
      <c r="F13" s="59"/>
      <c r="G13" s="9"/>
      <c r="H13" s="60"/>
      <c r="I13" s="61"/>
      <c r="J13" s="9"/>
      <c r="K13" s="9"/>
    </row>
    <row r="14" spans="1:11" ht="30" customHeight="1" x14ac:dyDescent="0.25">
      <c r="B14" s="57"/>
      <c r="C14" s="58"/>
      <c r="D14" s="58"/>
      <c r="E14" s="58"/>
      <c r="F14" s="59"/>
      <c r="G14" s="9"/>
      <c r="H14" s="60"/>
      <c r="I14" s="61"/>
      <c r="J14" s="9"/>
      <c r="K14" s="9"/>
    </row>
    <row r="15" spans="1:11" ht="30" customHeight="1" x14ac:dyDescent="0.25">
      <c r="B15" s="57"/>
      <c r="C15" s="58"/>
      <c r="D15" s="58"/>
      <c r="E15" s="58"/>
      <c r="F15" s="59"/>
      <c r="G15" s="9"/>
      <c r="H15" s="60"/>
      <c r="I15" s="61"/>
      <c r="J15" s="9"/>
      <c r="K15" s="9"/>
    </row>
    <row r="16" spans="1:11" ht="30" customHeight="1" x14ac:dyDescent="0.25">
      <c r="B16" s="57"/>
      <c r="C16" s="58"/>
      <c r="D16" s="58"/>
      <c r="E16" s="58"/>
      <c r="F16" s="59"/>
      <c r="G16" s="9"/>
      <c r="H16" s="60"/>
      <c r="I16" s="61"/>
      <c r="J16" s="9"/>
      <c r="K16" s="9"/>
    </row>
    <row r="17" spans="1:11" x14ac:dyDescent="0.25">
      <c r="B17" s="10" t="s">
        <v>11</v>
      </c>
    </row>
    <row r="18" spans="1:11" x14ac:dyDescent="0.25">
      <c r="A18" s="62" t="s">
        <v>12</v>
      </c>
      <c r="B18" s="62"/>
      <c r="C18" s="62"/>
      <c r="D18" s="62"/>
      <c r="E18" s="62"/>
      <c r="F18" s="62"/>
      <c r="G18" s="62"/>
      <c r="H18" s="62"/>
      <c r="I18" s="62"/>
      <c r="J18" s="62"/>
      <c r="K18" s="62"/>
    </row>
    <row r="19" spans="1:11" x14ac:dyDescent="0.25">
      <c r="A19" s="63"/>
      <c r="B19" s="63"/>
      <c r="C19" s="63"/>
      <c r="D19" s="63"/>
      <c r="E19" s="63"/>
      <c r="F19" s="63"/>
      <c r="G19" s="63"/>
      <c r="H19" s="63"/>
      <c r="I19" s="63"/>
      <c r="J19" s="63"/>
      <c r="K19" s="63"/>
    </row>
    <row r="20" spans="1:11" x14ac:dyDescent="0.25">
      <c r="A20" s="63"/>
      <c r="B20" s="63"/>
      <c r="C20" s="63"/>
      <c r="D20" s="63"/>
      <c r="E20" s="63"/>
      <c r="F20" s="63"/>
      <c r="G20" s="63"/>
      <c r="H20" s="63"/>
      <c r="I20" s="63"/>
      <c r="J20" s="63"/>
      <c r="K20" s="63"/>
    </row>
    <row r="21" spans="1:11" x14ac:dyDescent="0.25">
      <c r="A21" s="63"/>
      <c r="B21" s="63"/>
      <c r="C21" s="63"/>
      <c r="D21" s="63"/>
      <c r="E21" s="63"/>
      <c r="F21" s="63"/>
      <c r="G21" s="63"/>
      <c r="H21" s="63"/>
      <c r="I21" s="63"/>
      <c r="J21" s="63"/>
      <c r="K21" s="63"/>
    </row>
    <row r="22" spans="1:11" ht="54" customHeight="1" x14ac:dyDescent="0.25">
      <c r="A22" s="51" t="s">
        <v>13</v>
      </c>
      <c r="B22" s="51"/>
      <c r="C22" s="51"/>
      <c r="D22" s="51"/>
      <c r="E22" s="51"/>
      <c r="F22" s="51"/>
      <c r="G22" s="51"/>
      <c r="H22" s="51"/>
      <c r="I22" s="51"/>
      <c r="J22" s="51"/>
      <c r="K22" s="51"/>
    </row>
    <row r="23" spans="1:11" ht="6" customHeight="1" x14ac:dyDescent="0.25">
      <c r="A23" s="2"/>
      <c r="B23" s="2"/>
      <c r="C23" s="2"/>
      <c r="D23" s="2"/>
      <c r="E23" s="2"/>
      <c r="F23" s="2"/>
      <c r="G23" s="2"/>
      <c r="H23" s="2"/>
      <c r="I23" s="2"/>
      <c r="J23" s="2"/>
      <c r="K23" s="2"/>
    </row>
    <row r="24" spans="1:11" ht="26.25" customHeight="1" x14ac:dyDescent="0.25">
      <c r="A24" s="2"/>
      <c r="B24" s="2"/>
      <c r="C24" s="2"/>
      <c r="D24" s="2"/>
      <c r="E24" s="2"/>
      <c r="F24" s="2"/>
      <c r="G24" s="2"/>
      <c r="H24" s="2"/>
      <c r="I24" s="2"/>
      <c r="J24" s="2"/>
      <c r="K24" s="2"/>
    </row>
    <row r="25" spans="1:11" ht="38.25" customHeight="1" x14ac:dyDescent="0.25">
      <c r="A25" s="2"/>
      <c r="B25" s="2"/>
      <c r="C25" s="2"/>
      <c r="D25" s="2"/>
      <c r="E25" s="2"/>
      <c r="F25" s="2"/>
      <c r="G25" s="2"/>
      <c r="H25" s="2"/>
      <c r="I25" s="2"/>
      <c r="J25" s="2"/>
      <c r="K25" s="2"/>
    </row>
    <row r="26" spans="1:11" ht="38.25" customHeight="1" x14ac:dyDescent="0.25">
      <c r="A26" s="2"/>
      <c r="B26" s="2"/>
      <c r="C26" s="2"/>
      <c r="D26" s="2"/>
      <c r="E26" s="2"/>
      <c r="F26" s="2"/>
      <c r="G26" s="2"/>
      <c r="H26" s="2"/>
      <c r="I26" s="2"/>
      <c r="J26" s="2"/>
      <c r="K26" s="2"/>
    </row>
    <row r="27" spans="1:11" s="11" customFormat="1" ht="15" customHeight="1" x14ac:dyDescent="0.35">
      <c r="A27" s="52" t="s">
        <v>14</v>
      </c>
      <c r="B27" s="52"/>
      <c r="C27" s="52"/>
      <c r="D27" s="52"/>
      <c r="E27" s="52"/>
      <c r="F27" s="52" t="s">
        <v>15</v>
      </c>
      <c r="G27" s="52"/>
      <c r="H27" s="52"/>
      <c r="I27" s="52"/>
      <c r="J27" s="52"/>
      <c r="K27" s="52"/>
    </row>
    <row r="28" spans="1:11" s="11" customFormat="1" ht="22.5" customHeight="1" x14ac:dyDescent="0.35">
      <c r="A28" s="53" t="s">
        <v>16</v>
      </c>
      <c r="B28" s="53"/>
      <c r="C28" s="53"/>
      <c r="D28" s="53"/>
      <c r="E28" s="53"/>
      <c r="F28" s="53"/>
      <c r="G28" s="53"/>
      <c r="H28" s="53"/>
      <c r="I28" s="53"/>
      <c r="J28" s="53"/>
      <c r="K28" s="53"/>
    </row>
    <row r="29" spans="1:11" s="11" customFormat="1" ht="9" customHeight="1" x14ac:dyDescent="0.35">
      <c r="A29" s="12"/>
      <c r="B29" s="12"/>
      <c r="C29" s="12"/>
      <c r="D29" s="12"/>
      <c r="E29" s="12"/>
      <c r="F29" s="12"/>
      <c r="G29" s="12"/>
      <c r="H29" s="12"/>
      <c r="I29" s="12"/>
      <c r="J29" s="12"/>
      <c r="K29" s="12"/>
    </row>
    <row r="30" spans="1:11" s="15" customFormat="1" ht="10.5" customHeight="1" x14ac:dyDescent="0.25">
      <c r="A30" s="54" t="s">
        <v>6</v>
      </c>
      <c r="B30" s="54"/>
      <c r="C30" s="54"/>
      <c r="D30" s="54"/>
      <c r="E30" s="13" t="s">
        <v>17</v>
      </c>
      <c r="F30" s="14"/>
      <c r="G30" s="55" t="s">
        <v>6</v>
      </c>
      <c r="H30" s="56"/>
      <c r="I30" s="56"/>
      <c r="J30" s="56"/>
      <c r="K30" s="13" t="s">
        <v>17</v>
      </c>
    </row>
    <row r="31" spans="1:11" s="19" customFormat="1" ht="14.25" customHeight="1" x14ac:dyDescent="0.35">
      <c r="A31" s="41"/>
      <c r="B31" s="41"/>
      <c r="C31" s="41"/>
      <c r="D31" s="41"/>
      <c r="E31" s="16"/>
      <c r="F31" s="17"/>
      <c r="G31" s="41"/>
      <c r="H31" s="41"/>
      <c r="I31" s="41"/>
      <c r="J31" s="41"/>
      <c r="K31" s="18"/>
    </row>
    <row r="32" spans="1:11" s="11" customFormat="1" ht="6.75" customHeight="1" x14ac:dyDescent="0.35">
      <c r="A32" s="42"/>
      <c r="B32" s="42"/>
      <c r="C32" s="42"/>
      <c r="D32" s="42"/>
      <c r="E32"/>
      <c r="F32" s="42"/>
      <c r="G32" s="42"/>
      <c r="H32" s="42"/>
      <c r="I32" s="42"/>
    </row>
    <row r="33" spans="1:11" s="11" customFormat="1" ht="6.75" customHeight="1" x14ac:dyDescent="0.35">
      <c r="A33" s="20"/>
      <c r="B33" s="20"/>
      <c r="C33" s="20"/>
      <c r="D33" s="20"/>
      <c r="E33"/>
      <c r="F33" s="20"/>
      <c r="G33" s="20"/>
      <c r="H33" s="20"/>
      <c r="I33" s="20"/>
    </row>
    <row r="34" spans="1:11" s="11" customFormat="1" ht="14.25" customHeight="1" x14ac:dyDescent="0.35">
      <c r="A34" s="43" t="s">
        <v>18</v>
      </c>
      <c r="B34" s="44"/>
      <c r="C34" s="44"/>
      <c r="D34" s="44"/>
      <c r="E34" s="44"/>
      <c r="F34" s="44"/>
      <c r="G34" s="44"/>
      <c r="H34" s="44"/>
      <c r="I34" s="44"/>
      <c r="J34" s="44"/>
      <c r="K34" s="45"/>
    </row>
    <row r="35" spans="1:11" s="11" customFormat="1" ht="14.5" x14ac:dyDescent="0.35">
      <c r="A35" s="46" t="s">
        <v>19</v>
      </c>
      <c r="B35" s="46"/>
      <c r="C35" s="46"/>
      <c r="D35" s="40" t="s">
        <v>20</v>
      </c>
      <c r="E35" s="40"/>
      <c r="F35" s="47" t="s">
        <v>21</v>
      </c>
      <c r="G35" s="47"/>
      <c r="H35" s="47"/>
      <c r="I35" s="48" t="s">
        <v>22</v>
      </c>
      <c r="J35" s="49"/>
      <c r="K35" s="50"/>
    </row>
    <row r="36" spans="1:11" s="11" customFormat="1" ht="14.5" x14ac:dyDescent="0.35">
      <c r="A36" s="40" t="s">
        <v>23</v>
      </c>
      <c r="B36" s="40"/>
      <c r="C36" s="40"/>
      <c r="D36" s="32"/>
      <c r="E36" s="34"/>
      <c r="F36" s="32"/>
      <c r="G36" s="33"/>
      <c r="H36" s="34"/>
      <c r="I36" s="21"/>
      <c r="J36" s="22"/>
      <c r="K36" s="23"/>
    </row>
    <row r="37" spans="1:11" s="11" customFormat="1" ht="15" customHeight="1" x14ac:dyDescent="0.35">
      <c r="A37" s="40" t="s">
        <v>24</v>
      </c>
      <c r="B37" s="40"/>
      <c r="C37" s="40"/>
      <c r="D37" s="32"/>
      <c r="E37" s="34"/>
      <c r="F37" s="32"/>
      <c r="G37" s="33"/>
      <c r="H37" s="34"/>
      <c r="I37" s="21"/>
      <c r="J37" s="22"/>
      <c r="K37" s="23"/>
    </row>
    <row r="38" spans="1:11" s="11" customFormat="1" ht="21" customHeight="1" x14ac:dyDescent="0.35">
      <c r="A38" s="40" t="s">
        <v>25</v>
      </c>
      <c r="B38" s="40"/>
      <c r="C38" s="40"/>
      <c r="D38" s="32"/>
      <c r="E38" s="34"/>
      <c r="F38" s="32"/>
      <c r="G38" s="33"/>
      <c r="H38" s="34"/>
      <c r="I38" s="21"/>
      <c r="J38" s="22"/>
      <c r="K38" s="23"/>
    </row>
    <row r="39" spans="1:11" s="11" customFormat="1" ht="15.75" customHeight="1" x14ac:dyDescent="0.35">
      <c r="A39" s="40" t="s">
        <v>26</v>
      </c>
      <c r="B39" s="40"/>
      <c r="C39" s="40"/>
      <c r="D39" s="41"/>
      <c r="E39" s="41"/>
      <c r="F39" s="41"/>
      <c r="G39" s="41"/>
      <c r="H39" s="41"/>
      <c r="I39" s="32"/>
      <c r="J39" s="33"/>
      <c r="K39" s="34"/>
    </row>
    <row r="40" spans="1:11" s="11" customFormat="1" ht="7.5" customHeight="1" thickBot="1" x14ac:dyDescent="0.4">
      <c r="A40" s="24"/>
      <c r="B40" s="35"/>
      <c r="C40" s="35"/>
      <c r="D40" s="35"/>
      <c r="E40"/>
      <c r="F40" s="24"/>
      <c r="G40" s="35"/>
      <c r="H40" s="35"/>
      <c r="I40" s="35"/>
      <c r="J40"/>
      <c r="K40" s="25"/>
    </row>
    <row r="41" spans="1:11" ht="12" thickBot="1" x14ac:dyDescent="0.3">
      <c r="A41" s="36" t="s">
        <v>27</v>
      </c>
      <c r="B41" s="37"/>
      <c r="C41" s="37"/>
      <c r="D41" s="37"/>
      <c r="E41" s="37"/>
      <c r="F41" s="37"/>
      <c r="G41" s="37"/>
      <c r="H41" s="37"/>
      <c r="I41" s="37"/>
      <c r="J41" s="37"/>
      <c r="K41" s="38"/>
    </row>
    <row r="42" spans="1:11" ht="26.25" customHeight="1" x14ac:dyDescent="0.25">
      <c r="A42" s="39" t="s">
        <v>28</v>
      </c>
      <c r="B42" s="39"/>
      <c r="C42" s="39"/>
      <c r="D42" s="39"/>
      <c r="E42" s="39"/>
      <c r="F42" s="39"/>
      <c r="G42" s="39"/>
      <c r="H42" s="39"/>
      <c r="I42" s="39"/>
      <c r="J42" s="39"/>
      <c r="K42" s="39"/>
    </row>
    <row r="43" spans="1:11" s="27" customFormat="1" ht="17.25" customHeight="1" x14ac:dyDescent="0.35">
      <c r="A43" s="26" t="s">
        <v>29</v>
      </c>
      <c r="K43" s="28"/>
    </row>
    <row r="44" spans="1:11" s="27" customFormat="1" ht="11.25" customHeight="1" x14ac:dyDescent="0.35">
      <c r="A44" s="28" t="s">
        <v>30</v>
      </c>
      <c r="B44" s="28"/>
      <c r="C44" s="28"/>
      <c r="D44" s="28"/>
      <c r="E44" s="28"/>
      <c r="F44" s="28"/>
      <c r="G44" s="28"/>
      <c r="H44" s="28"/>
      <c r="I44" s="28"/>
      <c r="J44" s="28"/>
      <c r="K44" s="28"/>
    </row>
    <row r="45" spans="1:11" s="27" customFormat="1" ht="12" customHeight="1" x14ac:dyDescent="0.35">
      <c r="A45" s="28" t="s">
        <v>31</v>
      </c>
      <c r="B45" s="28"/>
      <c r="C45" s="28"/>
      <c r="D45" s="28"/>
      <c r="E45" s="28"/>
      <c r="F45" s="28"/>
      <c r="G45" s="28"/>
      <c r="H45" s="28"/>
      <c r="I45" s="28"/>
      <c r="J45" s="28"/>
      <c r="K45" s="29"/>
    </row>
    <row r="46" spans="1:11" s="27" customFormat="1" x14ac:dyDescent="0.35">
      <c r="A46" s="30"/>
      <c r="B46" s="29"/>
      <c r="C46" s="29"/>
      <c r="D46" s="29"/>
      <c r="E46" s="29"/>
      <c r="F46" s="29"/>
      <c r="G46" s="29"/>
      <c r="H46" s="29"/>
      <c r="I46" s="29"/>
      <c r="J46" s="29"/>
    </row>
    <row r="48" spans="1:11" x14ac:dyDescent="0.25">
      <c r="A48" s="31"/>
    </row>
  </sheetData>
  <sheetProtection algorithmName="SHA-512" hashValue="EmkUXqO6SrfatBt6Z/4Y8hmJWmt663cJg6GyzlLwIzY8SzfWGD2ga7RKHNDFUuRdXUdvvCZwGj9RABXc2D5T8Q==" saltValue="usNpoBoVnW4Ryp8KYkl3Bw==" spinCount="100000" sheet="1" objects="1" scenarios="1"/>
  <mergeCells count="57">
    <mergeCell ref="B1:K1"/>
    <mergeCell ref="B3:E3"/>
    <mergeCell ref="F3:K3"/>
    <mergeCell ref="A4:K4"/>
    <mergeCell ref="B5:C5"/>
    <mergeCell ref="G5:H5"/>
    <mergeCell ref="J5:K5"/>
    <mergeCell ref="B9:F9"/>
    <mergeCell ref="H9:I9"/>
    <mergeCell ref="B10:F10"/>
    <mergeCell ref="H10:I10"/>
    <mergeCell ref="B11:F11"/>
    <mergeCell ref="H11:I11"/>
    <mergeCell ref="A19:K21"/>
    <mergeCell ref="B12:F12"/>
    <mergeCell ref="H12:I12"/>
    <mergeCell ref="B13:F13"/>
    <mergeCell ref="H13:I13"/>
    <mergeCell ref="B14:F14"/>
    <mergeCell ref="H14:I14"/>
    <mergeCell ref="B15:F15"/>
    <mergeCell ref="H15:I15"/>
    <mergeCell ref="B16:F16"/>
    <mergeCell ref="H16:I16"/>
    <mergeCell ref="A18:K18"/>
    <mergeCell ref="A35:C35"/>
    <mergeCell ref="D35:E35"/>
    <mergeCell ref="F35:H35"/>
    <mergeCell ref="I35:K35"/>
    <mergeCell ref="A22:K22"/>
    <mergeCell ref="A27:E27"/>
    <mergeCell ref="F27:K27"/>
    <mergeCell ref="A28:K28"/>
    <mergeCell ref="A30:D30"/>
    <mergeCell ref="G30:J30"/>
    <mergeCell ref="A31:D31"/>
    <mergeCell ref="G31:J31"/>
    <mergeCell ref="A32:D32"/>
    <mergeCell ref="F32:I32"/>
    <mergeCell ref="A34:K34"/>
    <mergeCell ref="A36:C36"/>
    <mergeCell ref="D36:E36"/>
    <mergeCell ref="F36:H36"/>
    <mergeCell ref="A37:C37"/>
    <mergeCell ref="D37:E37"/>
    <mergeCell ref="F37:H37"/>
    <mergeCell ref="A38:C38"/>
    <mergeCell ref="D38:E38"/>
    <mergeCell ref="F38:H38"/>
    <mergeCell ref="A39:C39"/>
    <mergeCell ref="D39:E39"/>
    <mergeCell ref="F39:H39"/>
    <mergeCell ref="I39:K39"/>
    <mergeCell ref="B40:D40"/>
    <mergeCell ref="G40:I40"/>
    <mergeCell ref="A41:K41"/>
    <mergeCell ref="A42:K42"/>
  </mergeCells>
  <dataValidations count="3">
    <dataValidation type="list" allowBlank="1" showInputMessage="1" showErrorMessage="1" sqref="G37:I37" xr:uid="{84CE934C-8549-4D4D-88C5-47F1FD2C2F3F}">
      <formula1>"MANAGER,AMSS"</formula1>
    </dataValidation>
    <dataValidation type="list" allowBlank="1" showInputMessage="1" showErrorMessage="1" sqref="E37:F37" xr:uid="{2D731F26-F494-4958-9A24-973C55A893C2}">
      <formula1>"MANAGER,AMSS,SUPERVISOR,Sr.PBA"</formula1>
    </dataValidation>
    <dataValidation type="list" allowBlank="1" showInputMessage="1" showErrorMessage="1" sqref="D37" xr:uid="{DD5DB96F-CE5B-45CC-8A0E-C6AED75732BD}">
      <formula1>"MANAGER,PBO,PBA,PBA/TELLER,Ejecutivo de Ventas,Asistente Bca Comercial,Asistente"</formula1>
    </dataValidation>
  </dataValidations>
  <printOptions horizontalCentered="1"/>
  <pageMargins left="0.19685039370078741" right="0.19685039370078741" top="0.26" bottom="0.31496062992125984" header="0.31496062992125984" footer="0.31496062992125984"/>
  <pageSetup scale="88" orientation="portrait" r:id="rId1"/>
  <headerFooter>
    <oddFooter>&amp;L&amp;8&amp;K00-024Marcas de The Bank of Nova Scotia. Marcas utilizadas bajo la autorización y supervisión de The Bank of Nova Scotia.                                      V1-2011</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7</xdr:col>
                    <xdr:colOff>247650</xdr:colOff>
                    <xdr:row>0</xdr:row>
                    <xdr:rowOff>431800</xdr:rowOff>
                  </from>
                  <to>
                    <xdr:col>9</xdr:col>
                    <xdr:colOff>222250</xdr:colOff>
                    <xdr:row>2</xdr:row>
                    <xdr:rowOff>698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0</xdr:col>
                    <xdr:colOff>19050</xdr:colOff>
                    <xdr:row>0</xdr:row>
                    <xdr:rowOff>425450</xdr:rowOff>
                  </from>
                  <to>
                    <xdr:col>10</xdr:col>
                    <xdr:colOff>838200</xdr:colOff>
                    <xdr:row>2</xdr:row>
                    <xdr:rowOff>7620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7</xdr:col>
                    <xdr:colOff>107950</xdr:colOff>
                    <xdr:row>8</xdr:row>
                    <xdr:rowOff>247650</xdr:rowOff>
                  </from>
                  <to>
                    <xdr:col>8</xdr:col>
                    <xdr:colOff>222250</xdr:colOff>
                    <xdr:row>9</xdr:row>
                    <xdr:rowOff>203200</xdr:rowOff>
                  </to>
                </anchor>
              </controlPr>
            </control>
          </mc:Choice>
        </mc:AlternateContent>
        <mc:AlternateContent xmlns:mc="http://schemas.openxmlformats.org/markup-compatibility/2006">
          <mc:Choice Requires="x14">
            <control shapeId="1028" r:id="rId7" name="Check Box 4">
              <controlPr locked="0" defaultSize="0" autoFill="0" autoLine="0" autoPict="0">
                <anchor moveWithCells="1">
                  <from>
                    <xdr:col>7</xdr:col>
                    <xdr:colOff>107950</xdr:colOff>
                    <xdr:row>9</xdr:row>
                    <xdr:rowOff>165100</xdr:rowOff>
                  </from>
                  <to>
                    <xdr:col>9</xdr:col>
                    <xdr:colOff>107950</xdr:colOff>
                    <xdr:row>10</xdr:row>
                    <xdr:rowOff>127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7</xdr:col>
                    <xdr:colOff>107950</xdr:colOff>
                    <xdr:row>9</xdr:row>
                    <xdr:rowOff>361950</xdr:rowOff>
                  </from>
                  <to>
                    <xdr:col>8</xdr:col>
                    <xdr:colOff>222250</xdr:colOff>
                    <xdr:row>10</xdr:row>
                    <xdr:rowOff>203200</xdr:rowOff>
                  </to>
                </anchor>
              </controlPr>
            </control>
          </mc:Choice>
        </mc:AlternateContent>
        <mc:AlternateContent xmlns:mc="http://schemas.openxmlformats.org/markup-compatibility/2006">
          <mc:Choice Requires="x14">
            <control shapeId="1030" r:id="rId9" name="Check Box 6">
              <controlPr locked="0" defaultSize="0" autoFill="0" autoLine="0" autoPict="0">
                <anchor moveWithCells="1">
                  <from>
                    <xdr:col>7</xdr:col>
                    <xdr:colOff>107950</xdr:colOff>
                    <xdr:row>10</xdr:row>
                    <xdr:rowOff>165100</xdr:rowOff>
                  </from>
                  <to>
                    <xdr:col>9</xdr:col>
                    <xdr:colOff>107950</xdr:colOff>
                    <xdr:row>11</xdr:row>
                    <xdr:rowOff>1270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7</xdr:col>
                    <xdr:colOff>107950</xdr:colOff>
                    <xdr:row>10</xdr:row>
                    <xdr:rowOff>361950</xdr:rowOff>
                  </from>
                  <to>
                    <xdr:col>8</xdr:col>
                    <xdr:colOff>222250</xdr:colOff>
                    <xdr:row>11</xdr:row>
                    <xdr:rowOff>203200</xdr:rowOff>
                  </to>
                </anchor>
              </controlPr>
            </control>
          </mc:Choice>
        </mc:AlternateContent>
        <mc:AlternateContent xmlns:mc="http://schemas.openxmlformats.org/markup-compatibility/2006">
          <mc:Choice Requires="x14">
            <control shapeId="1032" r:id="rId11" name="Check Box 8">
              <controlPr locked="0" defaultSize="0" autoFill="0" autoLine="0" autoPict="0">
                <anchor moveWithCells="1">
                  <from>
                    <xdr:col>7</xdr:col>
                    <xdr:colOff>107950</xdr:colOff>
                    <xdr:row>11</xdr:row>
                    <xdr:rowOff>165100</xdr:rowOff>
                  </from>
                  <to>
                    <xdr:col>9</xdr:col>
                    <xdr:colOff>107950</xdr:colOff>
                    <xdr:row>12</xdr:row>
                    <xdr:rowOff>127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7</xdr:col>
                    <xdr:colOff>107950</xdr:colOff>
                    <xdr:row>11</xdr:row>
                    <xdr:rowOff>374650</xdr:rowOff>
                  </from>
                  <to>
                    <xdr:col>8</xdr:col>
                    <xdr:colOff>222250</xdr:colOff>
                    <xdr:row>12</xdr:row>
                    <xdr:rowOff>222250</xdr:rowOff>
                  </to>
                </anchor>
              </controlPr>
            </control>
          </mc:Choice>
        </mc:AlternateContent>
        <mc:AlternateContent xmlns:mc="http://schemas.openxmlformats.org/markup-compatibility/2006">
          <mc:Choice Requires="x14">
            <control shapeId="1034" r:id="rId13" name="Check Box 10">
              <controlPr locked="0" defaultSize="0" autoFill="0" autoLine="0" autoPict="0">
                <anchor moveWithCells="1">
                  <from>
                    <xdr:col>7</xdr:col>
                    <xdr:colOff>107950</xdr:colOff>
                    <xdr:row>12</xdr:row>
                    <xdr:rowOff>165100</xdr:rowOff>
                  </from>
                  <to>
                    <xdr:col>9</xdr:col>
                    <xdr:colOff>107950</xdr:colOff>
                    <xdr:row>13</xdr:row>
                    <xdr:rowOff>127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7</xdr:col>
                    <xdr:colOff>107950</xdr:colOff>
                    <xdr:row>12</xdr:row>
                    <xdr:rowOff>374650</xdr:rowOff>
                  </from>
                  <to>
                    <xdr:col>8</xdr:col>
                    <xdr:colOff>222250</xdr:colOff>
                    <xdr:row>13</xdr:row>
                    <xdr:rowOff>222250</xdr:rowOff>
                  </to>
                </anchor>
              </controlPr>
            </control>
          </mc:Choice>
        </mc:AlternateContent>
        <mc:AlternateContent xmlns:mc="http://schemas.openxmlformats.org/markup-compatibility/2006">
          <mc:Choice Requires="x14">
            <control shapeId="1036" r:id="rId15" name="Check Box 12">
              <controlPr locked="0" defaultSize="0" autoFill="0" autoLine="0" autoPict="0">
                <anchor moveWithCells="1">
                  <from>
                    <xdr:col>7</xdr:col>
                    <xdr:colOff>107950</xdr:colOff>
                    <xdr:row>13</xdr:row>
                    <xdr:rowOff>165100</xdr:rowOff>
                  </from>
                  <to>
                    <xdr:col>9</xdr:col>
                    <xdr:colOff>107950</xdr:colOff>
                    <xdr:row>14</xdr:row>
                    <xdr:rowOff>127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7</xdr:col>
                    <xdr:colOff>107950</xdr:colOff>
                    <xdr:row>13</xdr:row>
                    <xdr:rowOff>374650</xdr:rowOff>
                  </from>
                  <to>
                    <xdr:col>8</xdr:col>
                    <xdr:colOff>222250</xdr:colOff>
                    <xdr:row>14</xdr:row>
                    <xdr:rowOff>222250</xdr:rowOff>
                  </to>
                </anchor>
              </controlPr>
            </control>
          </mc:Choice>
        </mc:AlternateContent>
        <mc:AlternateContent xmlns:mc="http://schemas.openxmlformats.org/markup-compatibility/2006">
          <mc:Choice Requires="x14">
            <control shapeId="1038" r:id="rId17" name="Check Box 14">
              <controlPr locked="0" defaultSize="0" autoFill="0" autoLine="0" autoPict="0">
                <anchor moveWithCells="1">
                  <from>
                    <xdr:col>7</xdr:col>
                    <xdr:colOff>107950</xdr:colOff>
                    <xdr:row>14</xdr:row>
                    <xdr:rowOff>165100</xdr:rowOff>
                  </from>
                  <to>
                    <xdr:col>9</xdr:col>
                    <xdr:colOff>107950</xdr:colOff>
                    <xdr:row>15</xdr:row>
                    <xdr:rowOff>1270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7</xdr:col>
                    <xdr:colOff>107950</xdr:colOff>
                    <xdr:row>14</xdr:row>
                    <xdr:rowOff>374650</xdr:rowOff>
                  </from>
                  <to>
                    <xdr:col>8</xdr:col>
                    <xdr:colOff>222250</xdr:colOff>
                    <xdr:row>15</xdr:row>
                    <xdr:rowOff>222250</xdr:rowOff>
                  </to>
                </anchor>
              </controlPr>
            </control>
          </mc:Choice>
        </mc:AlternateContent>
        <mc:AlternateContent xmlns:mc="http://schemas.openxmlformats.org/markup-compatibility/2006">
          <mc:Choice Requires="x14">
            <control shapeId="1040" r:id="rId19" name="Check Box 16">
              <controlPr locked="0" defaultSize="0" autoFill="0" autoLine="0" autoPict="0">
                <anchor moveWithCells="1">
                  <from>
                    <xdr:col>7</xdr:col>
                    <xdr:colOff>107950</xdr:colOff>
                    <xdr:row>15</xdr:row>
                    <xdr:rowOff>165100</xdr:rowOff>
                  </from>
                  <to>
                    <xdr:col>9</xdr:col>
                    <xdr:colOff>107950</xdr:colOff>
                    <xdr:row>16</xdr:row>
                    <xdr:rowOff>127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Inclusion-Sustitucio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ora, Rebeca</dc:creator>
  <cp:lastModifiedBy>Mora, Rebeca</cp:lastModifiedBy>
  <dcterms:created xsi:type="dcterms:W3CDTF">2022-10-10T21:30:27Z</dcterms:created>
  <dcterms:modified xsi:type="dcterms:W3CDTF">2022-10-10T21:40:45Z</dcterms:modified>
</cp:coreProperties>
</file>